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727" r:id="rId5"/>
    <p:sldMasterId id="2147483736" r:id="rId6"/>
  </p:sldMasterIdLst>
  <p:notesMasterIdLst>
    <p:notesMasterId r:id="rId20"/>
  </p:notesMasterIdLst>
  <p:handoutMasterIdLst>
    <p:handoutMasterId r:id="rId21"/>
  </p:handoutMasterIdLst>
  <p:sldIdLst>
    <p:sldId id="1196" r:id="rId7"/>
    <p:sldId id="1247" r:id="rId8"/>
    <p:sldId id="1195" r:id="rId9"/>
    <p:sldId id="1233" r:id="rId10"/>
    <p:sldId id="1248" r:id="rId11"/>
    <p:sldId id="1249" r:id="rId12"/>
    <p:sldId id="1254" r:id="rId13"/>
    <p:sldId id="1138" r:id="rId14"/>
    <p:sldId id="1259" r:id="rId15"/>
    <p:sldId id="1260" r:id="rId16"/>
    <p:sldId id="1261" r:id="rId17"/>
    <p:sldId id="1263" r:id="rId18"/>
    <p:sldId id="1262" r:id="rId19"/>
  </p:sldIdLst>
  <p:sldSz cx="20104100" cy="11309350"/>
  <p:notesSz cx="9926638" cy="14301788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BRAZZOLA Meloney" initials="BM" lastIdx="3" clrIdx="0"/>
  <p:cmAuthor id="2" name="SOLIOZ Murielle" initials="SM" lastIdx="10" clrIdx="1">
    <p:extLst>
      <p:ext uri="{19B8F6BF-5375-455C-9EA6-DF929625EA0E}">
        <p15:presenceInfo xmlns:p15="http://schemas.microsoft.com/office/powerpoint/2012/main" userId="S::Murielle.SOLIOZ@ehl.ch::306d36da-51e4-4e8b-9f08-7f24d75c3c76" providerId="AD"/>
      </p:ext>
    </p:extLst>
  </p:cmAuthor>
  <p:cmAuthor id="3" name="MATHER-L'HUILLIER Nathalie" initials="MN" lastIdx="1" clrIdx="2">
    <p:extLst>
      <p:ext uri="{19B8F6BF-5375-455C-9EA6-DF929625EA0E}">
        <p15:presenceInfo xmlns:p15="http://schemas.microsoft.com/office/powerpoint/2012/main" userId="S::Nathalie.MATHER-LHUILLIER@ehl.ch::766dff2a-59e7-4556-8bba-a23e291082d8" providerId="AD"/>
      </p:ext>
    </p:extLst>
  </p:cmAuthor>
  <p:cmAuthor id="4" name="JATON Victor" initials="JV" lastIdx="2" clrIdx="3">
    <p:extLst>
      <p:ext uri="{19B8F6BF-5375-455C-9EA6-DF929625EA0E}">
        <p15:presenceInfo xmlns:p15="http://schemas.microsoft.com/office/powerpoint/2012/main" userId="S::Victor.JATON2@ehl.ch::5568a59d-ce49-485a-b779-800ffbbd434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78775"/>
    <a:srgbClr val="DE6159"/>
    <a:srgbClr val="ADACA1"/>
    <a:srgbClr val="FFFFFF"/>
    <a:srgbClr val="001436"/>
    <a:srgbClr val="D5544B"/>
    <a:srgbClr val="E04E39"/>
    <a:srgbClr val="F2F2F2"/>
    <a:srgbClr val="213B83"/>
    <a:srgbClr val="00759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15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78632" autoAdjust="0"/>
  </p:normalViewPr>
  <p:slideViewPr>
    <p:cSldViewPr snapToGrid="0">
      <p:cViewPr varScale="1">
        <p:scale>
          <a:sx n="39" d="100"/>
          <a:sy n="39" d="100"/>
        </p:scale>
        <p:origin x="1402" y="82"/>
      </p:cViewPr>
      <p:guideLst>
        <p:guide orient="horz" pos="2880"/>
        <p:guide pos="216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handoutMaster" Target="handoutMasters/handoutMaster1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5.xml"/><Relationship Id="rId24" Type="http://schemas.openxmlformats.org/officeDocument/2006/relationships/viewProps" Target="viewProp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9.xml"/><Relationship Id="rId23" Type="http://schemas.openxmlformats.org/officeDocument/2006/relationships/presProps" Target="presProps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commentAuthors" Target="commentAuthors.xml"/><Relationship Id="rId27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SIDES DURA Mario" userId="e156268f-f6e3-488f-b10a-01d630cdc77c" providerId="ADAL" clId="{BBA1FB2A-CD4B-4071-B4B1-F477C4FC1889}"/>
    <pc:docChg chg="delSld">
      <pc:chgData name="SIDES DURA Mario" userId="e156268f-f6e3-488f-b10a-01d630cdc77c" providerId="ADAL" clId="{BBA1FB2A-CD4B-4071-B4B1-F477C4FC1889}" dt="2024-12-10T12:47:47.791" v="0" actId="47"/>
      <pc:docMkLst>
        <pc:docMk/>
      </pc:docMkLst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687094078" sldId="415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003393768" sldId="455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740491785" sldId="459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079520261" sldId="460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999107440" sldId="464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240651769" sldId="498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4053728123" sldId="500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547728786" sldId="504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470372548" sldId="505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723190935" sldId="506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762022392" sldId="507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821814402" sldId="508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419768435" sldId="514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778588606" sldId="519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141162345" sldId="523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827555780" sldId="525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084847053" sldId="526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955183302" sldId="527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830626288" sldId="528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459989939" sldId="529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517134164" sldId="644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037952447" sldId="645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789613991" sldId="646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168915307" sldId="856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762420957" sldId="857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917843381" sldId="860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779414046" sldId="861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811390082" sldId="862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635642105" sldId="864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565100540" sldId="876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623784662" sldId="877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046385917" sldId="883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908700347" sldId="1199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440678254" sldId="1200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993838291" sldId="1201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323585711" sldId="1208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343236475" sldId="1209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071217065" sldId="1210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4121548641" sldId="1219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628911772" sldId="1220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560518966" sldId="1228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190101251" sldId="1230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723277356" sldId="1234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471430886" sldId="1235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960257925" sldId="1236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753466317" sldId="1239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915008698" sldId="1240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885046341" sldId="1241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300337327" sldId="1242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3911280991" sldId="1243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781304342" sldId="1244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460986501" sldId="1246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512310705" sldId="1253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2215111099" sldId="1257"/>
        </pc:sldMkLst>
      </pc:sldChg>
      <pc:sldChg chg="del">
        <pc:chgData name="SIDES DURA Mario" userId="e156268f-f6e3-488f-b10a-01d630cdc77c" providerId="ADAL" clId="{BBA1FB2A-CD4B-4071-B4B1-F477C4FC1889}" dt="2024-12-10T12:47:47.791" v="0" actId="47"/>
        <pc:sldMkLst>
          <pc:docMk/>
          <pc:sldMk cId="1064084298" sldId="1258"/>
        </pc:sldMkLst>
      </pc:sldChg>
    </pc:docChg>
  </pc:docChgLst>
  <pc:docChgLst>
    <pc:chgData name="SIDES DURA Mario" userId="e156268f-f6e3-488f-b10a-01d630cdc77c" providerId="ADAL" clId="{2CE185B9-7483-4812-8348-A625752FEBC3}"/>
    <pc:docChg chg="undo custSel addSld delSld modSld sldOrd modMainMaster">
      <pc:chgData name="SIDES DURA Mario" userId="e156268f-f6e3-488f-b10a-01d630cdc77c" providerId="ADAL" clId="{2CE185B9-7483-4812-8348-A625752FEBC3}" dt="2024-11-27T08:38:53.593" v="2062" actId="5793"/>
      <pc:docMkLst>
        <pc:docMk/>
      </pc:docMkLst>
      <pc:sldChg chg="modSp mod ord modClrScheme modShow chgLayout">
        <pc:chgData name="SIDES DURA Mario" userId="e156268f-f6e3-488f-b10a-01d630cdc77c" providerId="ADAL" clId="{2CE185B9-7483-4812-8348-A625752FEBC3}" dt="2024-11-26T13:26:55.451" v="250"/>
        <pc:sldMkLst>
          <pc:docMk/>
          <pc:sldMk cId="1240651769" sldId="498"/>
        </pc:sldMkLst>
        <pc:spChg chg="mod">
          <ac:chgData name="SIDES DURA Mario" userId="e156268f-f6e3-488f-b10a-01d630cdc77c" providerId="ADAL" clId="{2CE185B9-7483-4812-8348-A625752FEBC3}" dt="2024-11-26T13:12:40.286" v="183" actId="26606"/>
          <ac:spMkLst>
            <pc:docMk/>
            <pc:sldMk cId="1240651769" sldId="498"/>
            <ac:spMk id="2" creationId="{BA18C203-9261-49C2-B1CB-FBA1F0F81A90}"/>
          </ac:spMkLst>
        </pc:spChg>
        <pc:graphicFrameChg chg="mod modGraphic">
          <ac:chgData name="SIDES DURA Mario" userId="e156268f-f6e3-488f-b10a-01d630cdc77c" providerId="ADAL" clId="{2CE185B9-7483-4812-8348-A625752FEBC3}" dt="2024-11-26T13:12:40.286" v="183" actId="26606"/>
          <ac:graphicFrameMkLst>
            <pc:docMk/>
            <pc:sldMk cId="1240651769" sldId="498"/>
            <ac:graphicFrameMk id="3" creationId="{3AF06092-FDF0-4661-8741-F3D14021E3C3}"/>
          </ac:graphicFrameMkLst>
        </pc:graphicFrameChg>
      </pc:sldChg>
      <pc:sldChg chg="ord">
        <pc:chgData name="SIDES DURA Mario" userId="e156268f-f6e3-488f-b10a-01d630cdc77c" providerId="ADAL" clId="{2CE185B9-7483-4812-8348-A625752FEBC3}" dt="2024-11-26T15:11:51.468" v="1295"/>
        <pc:sldMkLst>
          <pc:docMk/>
          <pc:sldMk cId="1811390082" sldId="862"/>
        </pc:sldMkLst>
      </pc:sldChg>
      <pc:sldChg chg="addSp delSp modSp mod modClrScheme chgLayout">
        <pc:chgData name="SIDES DURA Mario" userId="e156268f-f6e3-488f-b10a-01d630cdc77c" providerId="ADAL" clId="{2CE185B9-7483-4812-8348-A625752FEBC3}" dt="2024-11-26T14:49:10.460" v="1184" actId="478"/>
        <pc:sldMkLst>
          <pc:docMk/>
          <pc:sldMk cId="1604179663" sldId="1138"/>
        </pc:sldMkLst>
        <pc:spChg chg="add del mod">
          <ac:chgData name="SIDES DURA Mario" userId="e156268f-f6e3-488f-b10a-01d630cdc77c" providerId="ADAL" clId="{2CE185B9-7483-4812-8348-A625752FEBC3}" dt="2024-11-26T14:48:49.113" v="1181" actId="26606"/>
          <ac:spMkLst>
            <pc:docMk/>
            <pc:sldMk cId="1604179663" sldId="1138"/>
            <ac:spMk id="3" creationId="{F8ED21C9-B07E-4C9D-E9E4-2CB6D1F28435}"/>
          </ac:spMkLst>
        </pc:spChg>
        <pc:spChg chg="del">
          <ac:chgData name="SIDES DURA Mario" userId="e156268f-f6e3-488f-b10a-01d630cdc77c" providerId="ADAL" clId="{2CE185B9-7483-4812-8348-A625752FEBC3}" dt="2024-11-26T14:48:04.686" v="1145" actId="478"/>
          <ac:spMkLst>
            <pc:docMk/>
            <pc:sldMk cId="1604179663" sldId="1138"/>
            <ac:spMk id="5" creationId="{E5956CF0-1DC7-46FA-8F78-738291B1419C}"/>
          </ac:spMkLst>
        </pc:spChg>
        <pc:spChg chg="del">
          <ac:chgData name="SIDES DURA Mario" userId="e156268f-f6e3-488f-b10a-01d630cdc77c" providerId="ADAL" clId="{2CE185B9-7483-4812-8348-A625752FEBC3}" dt="2024-11-26T14:48:02.246" v="1144" actId="478"/>
          <ac:spMkLst>
            <pc:docMk/>
            <pc:sldMk cId="1604179663" sldId="1138"/>
            <ac:spMk id="6" creationId="{DA320B2C-54EE-4EC4-9D73-F734AD4D8456}"/>
          </ac:spMkLst>
        </pc:spChg>
        <pc:spChg chg="del">
          <ac:chgData name="SIDES DURA Mario" userId="e156268f-f6e3-488f-b10a-01d630cdc77c" providerId="ADAL" clId="{2CE185B9-7483-4812-8348-A625752FEBC3}" dt="2024-11-26T14:48:04.686" v="1145" actId="478"/>
          <ac:spMkLst>
            <pc:docMk/>
            <pc:sldMk cId="1604179663" sldId="1138"/>
            <ac:spMk id="7" creationId="{2645B358-0CF2-404F-AA36-F4D4ED37CF2E}"/>
          </ac:spMkLst>
        </pc:spChg>
        <pc:spChg chg="del">
          <ac:chgData name="SIDES DURA Mario" userId="e156268f-f6e3-488f-b10a-01d630cdc77c" providerId="ADAL" clId="{2CE185B9-7483-4812-8348-A625752FEBC3}" dt="2024-11-26T14:48:04.686" v="1145" actId="478"/>
          <ac:spMkLst>
            <pc:docMk/>
            <pc:sldMk cId="1604179663" sldId="1138"/>
            <ac:spMk id="8" creationId="{8FA582D9-1D79-4ABC-8737-32DAD875361A}"/>
          </ac:spMkLst>
        </pc:spChg>
        <pc:spChg chg="del">
          <ac:chgData name="SIDES DURA Mario" userId="e156268f-f6e3-488f-b10a-01d630cdc77c" providerId="ADAL" clId="{2CE185B9-7483-4812-8348-A625752FEBC3}" dt="2024-11-26T14:48:04.686" v="1145" actId="478"/>
          <ac:spMkLst>
            <pc:docMk/>
            <pc:sldMk cId="1604179663" sldId="1138"/>
            <ac:spMk id="9" creationId="{2225EEC7-8ED2-4AFA-9C00-8D3FC00A2E25}"/>
          </ac:spMkLst>
        </pc:spChg>
        <pc:spChg chg="del">
          <ac:chgData name="SIDES DURA Mario" userId="e156268f-f6e3-488f-b10a-01d630cdc77c" providerId="ADAL" clId="{2CE185B9-7483-4812-8348-A625752FEBC3}" dt="2024-11-26T14:48:04.686" v="1145" actId="478"/>
          <ac:spMkLst>
            <pc:docMk/>
            <pc:sldMk cId="1604179663" sldId="1138"/>
            <ac:spMk id="10" creationId="{9C18930B-DAB7-4866-B5E5-1E140CD1B85B}"/>
          </ac:spMkLst>
        </pc:spChg>
        <pc:spChg chg="del">
          <ac:chgData name="SIDES DURA Mario" userId="e156268f-f6e3-488f-b10a-01d630cdc77c" providerId="ADAL" clId="{2CE185B9-7483-4812-8348-A625752FEBC3}" dt="2024-11-26T14:48:04.686" v="1145" actId="478"/>
          <ac:spMkLst>
            <pc:docMk/>
            <pc:sldMk cId="1604179663" sldId="1138"/>
            <ac:spMk id="11" creationId="{73309019-DCD0-43AB-9CC6-A975E85C5F2F}"/>
          </ac:spMkLst>
        </pc:spChg>
        <pc:spChg chg="mod">
          <ac:chgData name="SIDES DURA Mario" userId="e156268f-f6e3-488f-b10a-01d630cdc77c" providerId="ADAL" clId="{2CE185B9-7483-4812-8348-A625752FEBC3}" dt="2024-11-26T14:48:49.113" v="1181" actId="26606"/>
          <ac:spMkLst>
            <pc:docMk/>
            <pc:sldMk cId="1604179663" sldId="1138"/>
            <ac:spMk id="22" creationId="{CF02E89D-DF46-4269-9777-14279920D0B0}"/>
          </ac:spMkLst>
        </pc:spChg>
        <pc:graphicFrameChg chg="add del mod">
          <ac:chgData name="SIDES DURA Mario" userId="e156268f-f6e3-488f-b10a-01d630cdc77c" providerId="ADAL" clId="{2CE185B9-7483-4812-8348-A625752FEBC3}" dt="2024-11-26T14:49:10.460" v="1184" actId="478"/>
          <ac:graphicFrameMkLst>
            <pc:docMk/>
            <pc:sldMk cId="1604179663" sldId="1138"/>
            <ac:graphicFrameMk id="24" creationId="{19A48A68-CCAB-DB80-9178-EB29529FA218}"/>
          </ac:graphicFrameMkLst>
        </pc:graphicFrameChg>
        <pc:cxnChg chg="del mod">
          <ac:chgData name="SIDES DURA Mario" userId="e156268f-f6e3-488f-b10a-01d630cdc77c" providerId="ADAL" clId="{2CE185B9-7483-4812-8348-A625752FEBC3}" dt="2024-11-26T14:48:04.686" v="1145" actId="478"/>
          <ac:cxnSpMkLst>
            <pc:docMk/>
            <pc:sldMk cId="1604179663" sldId="1138"/>
            <ac:cxnSpMk id="12" creationId="{7CE440B7-AF86-4C6C-B794-78FCA0ED09C8}"/>
          </ac:cxnSpMkLst>
        </pc:cxnChg>
        <pc:cxnChg chg="del">
          <ac:chgData name="SIDES DURA Mario" userId="e156268f-f6e3-488f-b10a-01d630cdc77c" providerId="ADAL" clId="{2CE185B9-7483-4812-8348-A625752FEBC3}" dt="2024-11-26T14:48:04.686" v="1145" actId="478"/>
          <ac:cxnSpMkLst>
            <pc:docMk/>
            <pc:sldMk cId="1604179663" sldId="1138"/>
            <ac:cxnSpMk id="14" creationId="{03194FC4-DFD4-4E7C-90D7-751FCF1F37CE}"/>
          </ac:cxnSpMkLst>
        </pc:cxnChg>
        <pc:cxnChg chg="del">
          <ac:chgData name="SIDES DURA Mario" userId="e156268f-f6e3-488f-b10a-01d630cdc77c" providerId="ADAL" clId="{2CE185B9-7483-4812-8348-A625752FEBC3}" dt="2024-11-26T14:48:04.686" v="1145" actId="478"/>
          <ac:cxnSpMkLst>
            <pc:docMk/>
            <pc:sldMk cId="1604179663" sldId="1138"/>
            <ac:cxnSpMk id="15" creationId="{0CE8FF9F-A6A6-4019-ABAD-A5B1BD9F96EE}"/>
          </ac:cxnSpMkLst>
        </pc:cxnChg>
        <pc:cxnChg chg="del mod">
          <ac:chgData name="SIDES DURA Mario" userId="e156268f-f6e3-488f-b10a-01d630cdc77c" providerId="ADAL" clId="{2CE185B9-7483-4812-8348-A625752FEBC3}" dt="2024-11-26T14:48:04.686" v="1145" actId="478"/>
          <ac:cxnSpMkLst>
            <pc:docMk/>
            <pc:sldMk cId="1604179663" sldId="1138"/>
            <ac:cxnSpMk id="16" creationId="{56CC01B9-D9BB-4F41-944D-7FD03D0DC342}"/>
          </ac:cxnSpMkLst>
        </pc:cxnChg>
      </pc:sldChg>
      <pc:sldChg chg="addSp modSp mod modClrScheme chgLayout">
        <pc:chgData name="SIDES DURA Mario" userId="e156268f-f6e3-488f-b10a-01d630cdc77c" providerId="ADAL" clId="{2CE185B9-7483-4812-8348-A625752FEBC3}" dt="2024-11-26T14:45:33.186" v="1118" actId="207"/>
        <pc:sldMkLst>
          <pc:docMk/>
          <pc:sldMk cId="2885347724" sldId="1195"/>
        </pc:sldMkLst>
        <pc:spChg chg="add mod">
          <ac:chgData name="SIDES DURA Mario" userId="e156268f-f6e3-488f-b10a-01d630cdc77c" providerId="ADAL" clId="{2CE185B9-7483-4812-8348-A625752FEBC3}" dt="2024-11-26T12:50:33.800" v="49" actId="1076"/>
          <ac:spMkLst>
            <pc:docMk/>
            <pc:sldMk cId="2885347724" sldId="1195"/>
            <ac:spMk id="2" creationId="{311D4825-AB0D-4ED8-1AC2-CD43053204FE}"/>
          </ac:spMkLst>
        </pc:spChg>
        <pc:spChg chg="add mod">
          <ac:chgData name="SIDES DURA Mario" userId="e156268f-f6e3-488f-b10a-01d630cdc77c" providerId="ADAL" clId="{2CE185B9-7483-4812-8348-A625752FEBC3}" dt="2024-11-26T12:50:33.800" v="49" actId="1076"/>
          <ac:spMkLst>
            <pc:docMk/>
            <pc:sldMk cId="2885347724" sldId="1195"/>
            <ac:spMk id="4" creationId="{136EB3C0-A784-2624-6741-85677A8DD99B}"/>
          </ac:spMkLst>
        </pc:spChg>
        <pc:spChg chg="mod">
          <ac:chgData name="SIDES DURA Mario" userId="e156268f-f6e3-488f-b10a-01d630cdc77c" providerId="ADAL" clId="{2CE185B9-7483-4812-8348-A625752FEBC3}" dt="2024-11-26T12:50:14.290" v="48" actId="1076"/>
          <ac:spMkLst>
            <pc:docMk/>
            <pc:sldMk cId="2885347724" sldId="1195"/>
            <ac:spMk id="5" creationId="{C58B8696-2F90-415A-A5A5-FBA5616DF066}"/>
          </ac:spMkLst>
        </pc:spChg>
        <pc:spChg chg="add mod">
          <ac:chgData name="SIDES DURA Mario" userId="e156268f-f6e3-488f-b10a-01d630cdc77c" providerId="ADAL" clId="{2CE185B9-7483-4812-8348-A625752FEBC3}" dt="2024-11-26T12:50:33.800" v="49" actId="1076"/>
          <ac:spMkLst>
            <pc:docMk/>
            <pc:sldMk cId="2885347724" sldId="1195"/>
            <ac:spMk id="6" creationId="{29617E8F-E0D9-296A-62FA-278C4EEF3944}"/>
          </ac:spMkLst>
        </pc:spChg>
        <pc:spChg chg="add mod">
          <ac:chgData name="SIDES DURA Mario" userId="e156268f-f6e3-488f-b10a-01d630cdc77c" providerId="ADAL" clId="{2CE185B9-7483-4812-8348-A625752FEBC3}" dt="2024-11-26T12:50:33.800" v="49" actId="1076"/>
          <ac:spMkLst>
            <pc:docMk/>
            <pc:sldMk cId="2885347724" sldId="1195"/>
            <ac:spMk id="7" creationId="{3F96BDE3-1C95-81DC-245B-978ED805216C}"/>
          </ac:spMkLst>
        </pc:spChg>
        <pc:spChg chg="add mod">
          <ac:chgData name="SIDES DURA Mario" userId="e156268f-f6e3-488f-b10a-01d630cdc77c" providerId="ADAL" clId="{2CE185B9-7483-4812-8348-A625752FEBC3}" dt="2024-11-26T14:45:33.186" v="1118" actId="207"/>
          <ac:spMkLst>
            <pc:docMk/>
            <pc:sldMk cId="2885347724" sldId="1195"/>
            <ac:spMk id="8" creationId="{E45395CF-1BE6-ED4A-BF90-8F8993C8E870}"/>
          </ac:spMkLst>
        </pc:spChg>
        <pc:spChg chg="add mod">
          <ac:chgData name="SIDES DURA Mario" userId="e156268f-f6e3-488f-b10a-01d630cdc77c" providerId="ADAL" clId="{2CE185B9-7483-4812-8348-A625752FEBC3}" dt="2024-11-26T12:50:33.800" v="49" actId="1076"/>
          <ac:spMkLst>
            <pc:docMk/>
            <pc:sldMk cId="2885347724" sldId="1195"/>
            <ac:spMk id="9" creationId="{75A6F315-A4CB-3379-CE36-09C12679B599}"/>
          </ac:spMkLst>
        </pc:spChg>
        <pc:spChg chg="mod">
          <ac:chgData name="SIDES DURA Mario" userId="e156268f-f6e3-488f-b10a-01d630cdc77c" providerId="ADAL" clId="{2CE185B9-7483-4812-8348-A625752FEBC3}" dt="2024-11-26T12:50:01.908" v="46" actId="1076"/>
          <ac:spMkLst>
            <pc:docMk/>
            <pc:sldMk cId="2885347724" sldId="1195"/>
            <ac:spMk id="22" creationId="{CF02E89D-DF46-4269-9777-14279920D0B0}"/>
          </ac:spMkLst>
        </pc:spChg>
        <pc:picChg chg="mod">
          <ac:chgData name="SIDES DURA Mario" userId="e156268f-f6e3-488f-b10a-01d630cdc77c" providerId="ADAL" clId="{2CE185B9-7483-4812-8348-A625752FEBC3}" dt="2024-11-26T12:50:07.533" v="47" actId="1076"/>
          <ac:picMkLst>
            <pc:docMk/>
            <pc:sldMk cId="2885347724" sldId="1195"/>
            <ac:picMk id="3" creationId="{BF725988-B917-4630-91DF-52CEC2B57F10}"/>
          </ac:picMkLst>
        </pc:picChg>
      </pc:sldChg>
      <pc:sldChg chg="addSp delSp modSp mod">
        <pc:chgData name="SIDES DURA Mario" userId="e156268f-f6e3-488f-b10a-01d630cdc77c" providerId="ADAL" clId="{2CE185B9-7483-4812-8348-A625752FEBC3}" dt="2024-11-26T15:20:35.489" v="1556" actId="14100"/>
        <pc:sldMkLst>
          <pc:docMk/>
          <pc:sldMk cId="3207454470" sldId="1196"/>
        </pc:sldMkLst>
        <pc:spChg chg="del">
          <ac:chgData name="SIDES DURA Mario" userId="e156268f-f6e3-488f-b10a-01d630cdc77c" providerId="ADAL" clId="{2CE185B9-7483-4812-8348-A625752FEBC3}" dt="2024-11-26T15:03:37.706" v="1268" actId="478"/>
          <ac:spMkLst>
            <pc:docMk/>
            <pc:sldMk cId="3207454470" sldId="1196"/>
            <ac:spMk id="2" creationId="{5EE37551-E783-A047-D05C-2737C4F082AB}"/>
          </ac:spMkLst>
        </pc:spChg>
        <pc:spChg chg="add mod">
          <ac:chgData name="SIDES DURA Mario" userId="e156268f-f6e3-488f-b10a-01d630cdc77c" providerId="ADAL" clId="{2CE185B9-7483-4812-8348-A625752FEBC3}" dt="2024-11-26T15:19:59.344" v="1555" actId="20577"/>
          <ac:spMkLst>
            <pc:docMk/>
            <pc:sldMk cId="3207454470" sldId="1196"/>
            <ac:spMk id="2" creationId="{A116BFFF-651A-BEAF-3B10-E263B7912BCC}"/>
          </ac:spMkLst>
        </pc:spChg>
        <pc:spChg chg="del">
          <ac:chgData name="SIDES DURA Mario" userId="e156268f-f6e3-488f-b10a-01d630cdc77c" providerId="ADAL" clId="{2CE185B9-7483-4812-8348-A625752FEBC3}" dt="2024-11-26T15:03:37.706" v="1268" actId="478"/>
          <ac:spMkLst>
            <pc:docMk/>
            <pc:sldMk cId="3207454470" sldId="1196"/>
            <ac:spMk id="3" creationId="{F7FB8F79-0EDD-DE86-AB79-125B4BD90895}"/>
          </ac:spMkLst>
        </pc:spChg>
        <pc:spChg chg="mod">
          <ac:chgData name="SIDES DURA Mario" userId="e156268f-f6e3-488f-b10a-01d630cdc77c" providerId="ADAL" clId="{2CE185B9-7483-4812-8348-A625752FEBC3}" dt="2024-11-26T15:20:35.489" v="1556" actId="14100"/>
          <ac:spMkLst>
            <pc:docMk/>
            <pc:sldMk cId="3207454470" sldId="1196"/>
            <ac:spMk id="6" creationId="{80FC83CE-01BF-466B-9C38-15BE8901D3A3}"/>
          </ac:spMkLst>
        </pc:spChg>
        <pc:spChg chg="add mod">
          <ac:chgData name="SIDES DURA Mario" userId="e156268f-f6e3-488f-b10a-01d630cdc77c" providerId="ADAL" clId="{2CE185B9-7483-4812-8348-A625752FEBC3}" dt="2024-11-26T15:19:39.499" v="1526" actId="14100"/>
          <ac:spMkLst>
            <pc:docMk/>
            <pc:sldMk cId="3207454470" sldId="1196"/>
            <ac:spMk id="7" creationId="{80E62000-1ABF-DAE4-B45B-7C0160ECD19A}"/>
          </ac:spMkLst>
        </pc:spChg>
      </pc:sldChg>
      <pc:sldChg chg="mod ord modShow">
        <pc:chgData name="SIDES DURA Mario" userId="e156268f-f6e3-488f-b10a-01d630cdc77c" providerId="ADAL" clId="{2CE185B9-7483-4812-8348-A625752FEBC3}" dt="2024-11-26T12:51:07.426" v="52"/>
        <pc:sldMkLst>
          <pc:docMk/>
          <pc:sldMk cId="560518966" sldId="1228"/>
        </pc:sldMkLst>
      </pc:sldChg>
      <pc:sldChg chg="addSp delSp modSp mod ord modClrScheme chgLayout modNotesTx">
        <pc:chgData name="SIDES DURA Mario" userId="e156268f-f6e3-488f-b10a-01d630cdc77c" providerId="ADAL" clId="{2CE185B9-7483-4812-8348-A625752FEBC3}" dt="2024-11-26T12:57:57.523" v="124" actId="20577"/>
        <pc:sldMkLst>
          <pc:docMk/>
          <pc:sldMk cId="2508924553" sldId="1233"/>
        </pc:sldMkLst>
        <pc:spChg chg="add del mod ord">
          <ac:chgData name="SIDES DURA Mario" userId="e156268f-f6e3-488f-b10a-01d630cdc77c" providerId="ADAL" clId="{2CE185B9-7483-4812-8348-A625752FEBC3}" dt="2024-11-26T12:56:43.674" v="109" actId="700"/>
          <ac:spMkLst>
            <pc:docMk/>
            <pc:sldMk cId="2508924553" sldId="1233"/>
            <ac:spMk id="2" creationId="{1E7E98B1-7666-06C0-F0A6-DBEED85DDF60}"/>
          </ac:spMkLst>
        </pc:spChg>
        <pc:spChg chg="add del mod ord">
          <ac:chgData name="SIDES DURA Mario" userId="e156268f-f6e3-488f-b10a-01d630cdc77c" providerId="ADAL" clId="{2CE185B9-7483-4812-8348-A625752FEBC3}" dt="2024-11-26T12:55:27.492" v="102" actId="478"/>
          <ac:spMkLst>
            <pc:docMk/>
            <pc:sldMk cId="2508924553" sldId="1233"/>
            <ac:spMk id="3" creationId="{F2B378BA-6C88-A6BF-14E5-4F01114A339F}"/>
          </ac:spMkLst>
        </pc:spChg>
        <pc:spChg chg="mod ord">
          <ac:chgData name="SIDES DURA Mario" userId="e156268f-f6e3-488f-b10a-01d630cdc77c" providerId="ADAL" clId="{2CE185B9-7483-4812-8348-A625752FEBC3}" dt="2024-11-26T12:56:43.674" v="109" actId="700"/>
          <ac:spMkLst>
            <pc:docMk/>
            <pc:sldMk cId="2508924553" sldId="1233"/>
            <ac:spMk id="4" creationId="{A86426CA-6EE5-48CF-859F-273198E19C3B}"/>
          </ac:spMkLst>
        </pc:spChg>
        <pc:spChg chg="mod ord">
          <ac:chgData name="SIDES DURA Mario" userId="e156268f-f6e3-488f-b10a-01d630cdc77c" providerId="ADAL" clId="{2CE185B9-7483-4812-8348-A625752FEBC3}" dt="2024-11-26T12:57:12.113" v="113" actId="1076"/>
          <ac:spMkLst>
            <pc:docMk/>
            <pc:sldMk cId="2508924553" sldId="1233"/>
            <ac:spMk id="14" creationId="{F3D66F55-8E56-413E-B5D5-591347D2BE16}"/>
          </ac:spMkLst>
        </pc:spChg>
        <pc:picChg chg="mod">
          <ac:chgData name="SIDES DURA Mario" userId="e156268f-f6e3-488f-b10a-01d630cdc77c" providerId="ADAL" clId="{2CE185B9-7483-4812-8348-A625752FEBC3}" dt="2024-11-26T12:54:18.674" v="92" actId="1076"/>
          <ac:picMkLst>
            <pc:docMk/>
            <pc:sldMk cId="2508924553" sldId="1233"/>
            <ac:picMk id="15" creationId="{45A57604-B078-4D80-9A22-6A48F510E59C}"/>
          </ac:picMkLst>
        </pc:picChg>
        <pc:picChg chg="add mod">
          <ac:chgData name="SIDES DURA Mario" userId="e156268f-f6e3-488f-b10a-01d630cdc77c" providerId="ADAL" clId="{2CE185B9-7483-4812-8348-A625752FEBC3}" dt="2024-11-26T12:57:01.056" v="112" actId="14100"/>
          <ac:picMkLst>
            <pc:docMk/>
            <pc:sldMk cId="2508924553" sldId="1233"/>
            <ac:picMk id="1026" creationId="{655736E6-97C1-9DB3-A6EA-1BCC3D5F1129}"/>
          </ac:picMkLst>
        </pc:picChg>
      </pc:sldChg>
      <pc:sldChg chg="modNotesTx">
        <pc:chgData name="SIDES DURA Mario" userId="e156268f-f6e3-488f-b10a-01d630cdc77c" providerId="ADAL" clId="{2CE185B9-7483-4812-8348-A625752FEBC3}" dt="2024-11-27T08:38:53.593" v="2062" actId="5793"/>
        <pc:sldMkLst>
          <pc:docMk/>
          <pc:sldMk cId="1781304342" sldId="1244"/>
        </pc:sldMkLst>
      </pc:sldChg>
      <pc:sldChg chg="modSp mod">
        <pc:chgData name="SIDES DURA Mario" userId="e156268f-f6e3-488f-b10a-01d630cdc77c" providerId="ADAL" clId="{2CE185B9-7483-4812-8348-A625752FEBC3}" dt="2024-11-26T14:46:38.874" v="1134" actId="115"/>
        <pc:sldMkLst>
          <pc:docMk/>
          <pc:sldMk cId="82485037" sldId="1247"/>
        </pc:sldMkLst>
        <pc:spChg chg="mod">
          <ac:chgData name="SIDES DURA Mario" userId="e156268f-f6e3-488f-b10a-01d630cdc77c" providerId="ADAL" clId="{2CE185B9-7483-4812-8348-A625752FEBC3}" dt="2024-11-26T14:46:13.707" v="1126" actId="948"/>
          <ac:spMkLst>
            <pc:docMk/>
            <pc:sldMk cId="82485037" sldId="1247"/>
            <ac:spMk id="3" creationId="{5D15E4D1-5CD7-BBB4-6C59-127A1D9B36F9}"/>
          </ac:spMkLst>
        </pc:spChg>
        <pc:spChg chg="mod">
          <ac:chgData name="SIDES DURA Mario" userId="e156268f-f6e3-488f-b10a-01d630cdc77c" providerId="ADAL" clId="{2CE185B9-7483-4812-8348-A625752FEBC3}" dt="2024-11-26T14:46:38.874" v="1134" actId="115"/>
          <ac:spMkLst>
            <pc:docMk/>
            <pc:sldMk cId="82485037" sldId="1247"/>
            <ac:spMk id="5" creationId="{56E0F835-700D-AF35-A54E-35985C3335AD}"/>
          </ac:spMkLst>
        </pc:spChg>
      </pc:sldChg>
      <pc:sldChg chg="delSp modSp add del mod modClrScheme chgLayout">
        <pc:chgData name="SIDES DURA Mario" userId="e156268f-f6e3-488f-b10a-01d630cdc77c" providerId="ADAL" clId="{2CE185B9-7483-4812-8348-A625752FEBC3}" dt="2024-11-26T12:56:22.278" v="108" actId="47"/>
        <pc:sldMkLst>
          <pc:docMk/>
          <pc:sldMk cId="699373524" sldId="1248"/>
        </pc:sldMkLst>
        <pc:spChg chg="del">
          <ac:chgData name="SIDES DURA Mario" userId="e156268f-f6e3-488f-b10a-01d630cdc77c" providerId="ADAL" clId="{2CE185B9-7483-4812-8348-A625752FEBC3}" dt="2024-11-26T12:56:08.747" v="107" actId="700"/>
          <ac:spMkLst>
            <pc:docMk/>
            <pc:sldMk cId="699373524" sldId="1248"/>
            <ac:spMk id="2" creationId="{1E7E98B1-7666-06C0-F0A6-DBEED85DDF60}"/>
          </ac:spMkLst>
        </pc:spChg>
        <pc:spChg chg="mod ord">
          <ac:chgData name="SIDES DURA Mario" userId="e156268f-f6e3-488f-b10a-01d630cdc77c" providerId="ADAL" clId="{2CE185B9-7483-4812-8348-A625752FEBC3}" dt="2024-11-26T12:56:08.747" v="107" actId="700"/>
          <ac:spMkLst>
            <pc:docMk/>
            <pc:sldMk cId="699373524" sldId="1248"/>
            <ac:spMk id="4" creationId="{A86426CA-6EE5-48CF-859F-273198E19C3B}"/>
          </ac:spMkLst>
        </pc:spChg>
        <pc:spChg chg="mod ord">
          <ac:chgData name="SIDES DURA Mario" userId="e156268f-f6e3-488f-b10a-01d630cdc77c" providerId="ADAL" clId="{2CE185B9-7483-4812-8348-A625752FEBC3}" dt="2024-11-26T12:56:08.747" v="107" actId="700"/>
          <ac:spMkLst>
            <pc:docMk/>
            <pc:sldMk cId="699373524" sldId="1248"/>
            <ac:spMk id="14" creationId="{F3D66F55-8E56-413E-B5D5-591347D2BE16}"/>
          </ac:spMkLst>
        </pc:spChg>
      </pc:sldChg>
      <pc:sldChg chg="addSp delSp modSp new mod">
        <pc:chgData name="SIDES DURA Mario" userId="e156268f-f6e3-488f-b10a-01d630cdc77c" providerId="ADAL" clId="{2CE185B9-7483-4812-8348-A625752FEBC3}" dt="2024-11-26T13:11:15.684" v="177" actId="14826"/>
        <pc:sldMkLst>
          <pc:docMk/>
          <pc:sldMk cId="1771269732" sldId="1248"/>
        </pc:sldMkLst>
        <pc:spChg chg="del">
          <ac:chgData name="SIDES DURA Mario" userId="e156268f-f6e3-488f-b10a-01d630cdc77c" providerId="ADAL" clId="{2CE185B9-7483-4812-8348-A625752FEBC3}" dt="2024-11-26T13:03:41.103" v="162" actId="931"/>
          <ac:spMkLst>
            <pc:docMk/>
            <pc:sldMk cId="1771269732" sldId="1248"/>
            <ac:spMk id="2" creationId="{D3D1E9B5-3004-8A54-4674-4644BD1EF00E}"/>
          </ac:spMkLst>
        </pc:spChg>
        <pc:spChg chg="mod">
          <ac:chgData name="SIDES DURA Mario" userId="e156268f-f6e3-488f-b10a-01d630cdc77c" providerId="ADAL" clId="{2CE185B9-7483-4812-8348-A625752FEBC3}" dt="2024-11-26T13:03:58.618" v="165" actId="207"/>
          <ac:spMkLst>
            <pc:docMk/>
            <pc:sldMk cId="1771269732" sldId="1248"/>
            <ac:spMk id="3" creationId="{9A4561D4-0002-E6C9-F0A1-94241046F83C}"/>
          </ac:spMkLst>
        </pc:spChg>
        <pc:picChg chg="add mod">
          <ac:chgData name="SIDES DURA Mario" userId="e156268f-f6e3-488f-b10a-01d630cdc77c" providerId="ADAL" clId="{2CE185B9-7483-4812-8348-A625752FEBC3}" dt="2024-11-26T13:11:15.684" v="177" actId="14826"/>
          <ac:picMkLst>
            <pc:docMk/>
            <pc:sldMk cId="1771269732" sldId="1248"/>
            <ac:picMk id="6" creationId="{9D3FDE82-2715-2601-999E-1057452BB20E}"/>
          </ac:picMkLst>
        </pc:picChg>
      </pc:sldChg>
      <pc:sldChg chg="modSp new del mod">
        <pc:chgData name="SIDES DURA Mario" userId="e156268f-f6e3-488f-b10a-01d630cdc77c" providerId="ADAL" clId="{2CE185B9-7483-4812-8348-A625752FEBC3}" dt="2024-11-26T12:59:29.355" v="134" actId="2696"/>
        <pc:sldMkLst>
          <pc:docMk/>
          <pc:sldMk cId="3707788630" sldId="1248"/>
        </pc:sldMkLst>
        <pc:spChg chg="mod">
          <ac:chgData name="SIDES DURA Mario" userId="e156268f-f6e3-488f-b10a-01d630cdc77c" providerId="ADAL" clId="{2CE185B9-7483-4812-8348-A625752FEBC3}" dt="2024-11-26T12:59:22.596" v="133" actId="20577"/>
          <ac:spMkLst>
            <pc:docMk/>
            <pc:sldMk cId="3707788630" sldId="1248"/>
            <ac:spMk id="2" creationId="{BCD72868-AB72-B26F-0698-00179538172C}"/>
          </ac:spMkLst>
        </pc:spChg>
      </pc:sldChg>
      <pc:sldChg chg="addSp delSp modSp add mod ord">
        <pc:chgData name="SIDES DURA Mario" userId="e156268f-f6e3-488f-b10a-01d630cdc77c" providerId="ADAL" clId="{2CE185B9-7483-4812-8348-A625752FEBC3}" dt="2024-11-26T14:45:21.181" v="1117" actId="167"/>
        <pc:sldMkLst>
          <pc:docMk/>
          <pc:sldMk cId="193127652" sldId="1249"/>
        </pc:sldMkLst>
        <pc:spChg chg="del">
          <ac:chgData name="SIDES DURA Mario" userId="e156268f-f6e3-488f-b10a-01d630cdc77c" providerId="ADAL" clId="{2CE185B9-7483-4812-8348-A625752FEBC3}" dt="2024-11-26T13:27:09.966" v="251" actId="478"/>
          <ac:spMkLst>
            <pc:docMk/>
            <pc:sldMk cId="193127652" sldId="1249"/>
            <ac:spMk id="2" creationId="{BA18C203-9261-49C2-B1CB-FBA1F0F81A90}"/>
          </ac:spMkLst>
        </pc:spChg>
        <pc:spChg chg="add mod ord">
          <ac:chgData name="SIDES DURA Mario" userId="e156268f-f6e3-488f-b10a-01d630cdc77c" providerId="ADAL" clId="{2CE185B9-7483-4812-8348-A625752FEBC3}" dt="2024-11-26T14:45:21.181" v="1117" actId="167"/>
          <ac:spMkLst>
            <pc:docMk/>
            <pc:sldMk cId="193127652" sldId="1249"/>
            <ac:spMk id="4" creationId="{FA3B1D31-7353-26AB-877E-F169B9ABF704}"/>
          </ac:spMkLst>
        </pc:spChg>
        <pc:spChg chg="add del mod">
          <ac:chgData name="SIDES DURA Mario" userId="e156268f-f6e3-488f-b10a-01d630cdc77c" providerId="ADAL" clId="{2CE185B9-7483-4812-8348-A625752FEBC3}" dt="2024-11-26T13:27:12.641" v="252" actId="478"/>
          <ac:spMkLst>
            <pc:docMk/>
            <pc:sldMk cId="193127652" sldId="1249"/>
            <ac:spMk id="6" creationId="{AD8AA80B-C8E0-7D69-D358-88281793B2C5}"/>
          </ac:spMkLst>
        </pc:spChg>
        <pc:spChg chg="add mod">
          <ac:chgData name="SIDES DURA Mario" userId="e156268f-f6e3-488f-b10a-01d630cdc77c" providerId="ADAL" clId="{2CE185B9-7483-4812-8348-A625752FEBC3}" dt="2024-11-26T13:27:20.313" v="254"/>
          <ac:spMkLst>
            <pc:docMk/>
            <pc:sldMk cId="193127652" sldId="1249"/>
            <ac:spMk id="7" creationId="{A660FC37-43DB-5746-FCD8-980AE4B34D47}"/>
          </ac:spMkLst>
        </pc:spChg>
        <pc:spChg chg="add mod">
          <ac:chgData name="SIDES DURA Mario" userId="e156268f-f6e3-488f-b10a-01d630cdc77c" providerId="ADAL" clId="{2CE185B9-7483-4812-8348-A625752FEBC3}" dt="2024-11-26T13:27:49.398" v="297" actId="1076"/>
          <ac:spMkLst>
            <pc:docMk/>
            <pc:sldMk cId="193127652" sldId="1249"/>
            <ac:spMk id="8" creationId="{64398FCF-2142-2A1D-65ED-49F6649121C6}"/>
          </ac:spMkLst>
        </pc:spChg>
        <pc:graphicFrameChg chg="mod modGraphic">
          <ac:chgData name="SIDES DURA Mario" userId="e156268f-f6e3-488f-b10a-01d630cdc77c" providerId="ADAL" clId="{2CE185B9-7483-4812-8348-A625752FEBC3}" dt="2024-11-26T14:45:10.731" v="1115" actId="167"/>
          <ac:graphicFrameMkLst>
            <pc:docMk/>
            <pc:sldMk cId="193127652" sldId="1249"/>
            <ac:graphicFrameMk id="3" creationId="{3AF06092-FDF0-4661-8741-F3D14021E3C3}"/>
          </ac:graphicFrameMkLst>
        </pc:graphicFrameChg>
      </pc:sldChg>
      <pc:sldChg chg="addSp delSp modSp add del mod ord modClrScheme chgLayout">
        <pc:chgData name="SIDES DURA Mario" userId="e156268f-f6e3-488f-b10a-01d630cdc77c" providerId="ADAL" clId="{2CE185B9-7483-4812-8348-A625752FEBC3}" dt="2024-11-26T14:36:45.114" v="1062" actId="47"/>
        <pc:sldMkLst>
          <pc:docMk/>
          <pc:sldMk cId="49367828" sldId="1250"/>
        </pc:sldMkLst>
        <pc:spChg chg="add mod">
          <ac:chgData name="SIDES DURA Mario" userId="e156268f-f6e3-488f-b10a-01d630cdc77c" providerId="ADAL" clId="{2CE185B9-7483-4812-8348-A625752FEBC3}" dt="2024-11-26T13:34:32.418" v="406" actId="26606"/>
          <ac:spMkLst>
            <pc:docMk/>
            <pc:sldMk cId="49367828" sldId="1250"/>
            <ac:spMk id="3" creationId="{ECC60064-EDF3-6897-7FC7-992498C014C2}"/>
          </ac:spMkLst>
        </pc:spChg>
        <pc:spChg chg="mod ord">
          <ac:chgData name="SIDES DURA Mario" userId="e156268f-f6e3-488f-b10a-01d630cdc77c" providerId="ADAL" clId="{2CE185B9-7483-4812-8348-A625752FEBC3}" dt="2024-11-26T13:34:32.418" v="406" actId="26606"/>
          <ac:spMkLst>
            <pc:docMk/>
            <pc:sldMk cId="49367828" sldId="1250"/>
            <ac:spMk id="4" creationId="{A86426CA-6EE5-48CF-859F-273198E19C3B}"/>
          </ac:spMkLst>
        </pc:spChg>
        <pc:spChg chg="mod">
          <ac:chgData name="SIDES DURA Mario" userId="e156268f-f6e3-488f-b10a-01d630cdc77c" providerId="ADAL" clId="{2CE185B9-7483-4812-8348-A625752FEBC3}" dt="2024-11-26T13:34:32.418" v="406" actId="26606"/>
          <ac:spMkLst>
            <pc:docMk/>
            <pc:sldMk cId="49367828" sldId="1250"/>
            <ac:spMk id="14" creationId="{F3D66F55-8E56-413E-B5D5-591347D2BE16}"/>
          </ac:spMkLst>
        </pc:spChg>
        <pc:picChg chg="del">
          <ac:chgData name="SIDES DURA Mario" userId="e156268f-f6e3-488f-b10a-01d630cdc77c" providerId="ADAL" clId="{2CE185B9-7483-4812-8348-A625752FEBC3}" dt="2024-11-26T13:32:36.040" v="307" actId="478"/>
          <ac:picMkLst>
            <pc:docMk/>
            <pc:sldMk cId="49367828" sldId="1250"/>
            <ac:picMk id="15" creationId="{45A57604-B078-4D80-9A22-6A48F510E59C}"/>
          </ac:picMkLst>
        </pc:picChg>
        <pc:picChg chg="add del">
          <ac:chgData name="SIDES DURA Mario" userId="e156268f-f6e3-488f-b10a-01d630cdc77c" providerId="ADAL" clId="{2CE185B9-7483-4812-8348-A625752FEBC3}" dt="2024-11-26T13:34:32.418" v="406" actId="26606"/>
          <ac:picMkLst>
            <pc:docMk/>
            <pc:sldMk cId="49367828" sldId="1250"/>
            <ac:picMk id="16" creationId="{B833F171-8A95-1D5A-4E04-05976550337A}"/>
          </ac:picMkLst>
        </pc:picChg>
        <pc:picChg chg="del">
          <ac:chgData name="SIDES DURA Mario" userId="e156268f-f6e3-488f-b10a-01d630cdc77c" providerId="ADAL" clId="{2CE185B9-7483-4812-8348-A625752FEBC3}" dt="2024-11-26T13:32:36.549" v="308" actId="478"/>
          <ac:picMkLst>
            <pc:docMk/>
            <pc:sldMk cId="49367828" sldId="1250"/>
            <ac:picMk id="1026" creationId="{655736E6-97C1-9DB3-A6EA-1BCC3D5F1129}"/>
          </ac:picMkLst>
        </pc:picChg>
      </pc:sldChg>
      <pc:sldChg chg="addSp delSp modSp add del mod modClrScheme chgLayout">
        <pc:chgData name="SIDES DURA Mario" userId="e156268f-f6e3-488f-b10a-01d630cdc77c" providerId="ADAL" clId="{2CE185B9-7483-4812-8348-A625752FEBC3}" dt="2024-11-26T14:36:16.081" v="1055" actId="47"/>
        <pc:sldMkLst>
          <pc:docMk/>
          <pc:sldMk cId="4018712133" sldId="1251"/>
        </pc:sldMkLst>
        <pc:spChg chg="del">
          <ac:chgData name="SIDES DURA Mario" userId="e156268f-f6e3-488f-b10a-01d630cdc77c" providerId="ADAL" clId="{2CE185B9-7483-4812-8348-A625752FEBC3}" dt="2024-11-26T13:40:43.792" v="408" actId="478"/>
          <ac:spMkLst>
            <pc:docMk/>
            <pc:sldMk cId="4018712133" sldId="1251"/>
            <ac:spMk id="3" creationId="{ECC60064-EDF3-6897-7FC7-992498C014C2}"/>
          </ac:spMkLst>
        </pc:spChg>
        <pc:spChg chg="mod ord">
          <ac:chgData name="SIDES DURA Mario" userId="e156268f-f6e3-488f-b10a-01d630cdc77c" providerId="ADAL" clId="{2CE185B9-7483-4812-8348-A625752FEBC3}" dt="2024-11-26T13:40:58.789" v="409" actId="700"/>
          <ac:spMkLst>
            <pc:docMk/>
            <pc:sldMk cId="4018712133" sldId="1251"/>
            <ac:spMk id="4" creationId="{A86426CA-6EE5-48CF-859F-273198E19C3B}"/>
          </ac:spMkLst>
        </pc:spChg>
        <pc:spChg chg="add del mod">
          <ac:chgData name="SIDES DURA Mario" userId="e156268f-f6e3-488f-b10a-01d630cdc77c" providerId="ADAL" clId="{2CE185B9-7483-4812-8348-A625752FEBC3}" dt="2024-11-26T13:41:07.841" v="411" actId="478"/>
          <ac:spMkLst>
            <pc:docMk/>
            <pc:sldMk cId="4018712133" sldId="1251"/>
            <ac:spMk id="5" creationId="{4D7043D8-4432-8B23-438A-8EC71306C1EF}"/>
          </ac:spMkLst>
        </pc:spChg>
        <pc:spChg chg="add mod">
          <ac:chgData name="SIDES DURA Mario" userId="e156268f-f6e3-488f-b10a-01d630cdc77c" providerId="ADAL" clId="{2CE185B9-7483-4812-8348-A625752FEBC3}" dt="2024-11-26T13:43:32.152" v="440" actId="14100"/>
          <ac:spMkLst>
            <pc:docMk/>
            <pc:sldMk cId="4018712133" sldId="1251"/>
            <ac:spMk id="6" creationId="{3B2A6AC9-9DE3-988D-54F2-77AAEC52EB30}"/>
          </ac:spMkLst>
        </pc:spChg>
        <pc:spChg chg="add mod">
          <ac:chgData name="SIDES DURA Mario" userId="e156268f-f6e3-488f-b10a-01d630cdc77c" providerId="ADAL" clId="{2CE185B9-7483-4812-8348-A625752FEBC3}" dt="2024-11-26T14:03:19.802" v="928" actId="207"/>
          <ac:spMkLst>
            <pc:docMk/>
            <pc:sldMk cId="4018712133" sldId="1251"/>
            <ac:spMk id="10" creationId="{FCC67F62-EDAC-4890-BBA8-03347C979BE7}"/>
          </ac:spMkLst>
        </pc:spChg>
        <pc:spChg chg="add mod">
          <ac:chgData name="SIDES DURA Mario" userId="e156268f-f6e3-488f-b10a-01d630cdc77c" providerId="ADAL" clId="{2CE185B9-7483-4812-8348-A625752FEBC3}" dt="2024-11-26T14:03:19.802" v="928" actId="207"/>
          <ac:spMkLst>
            <pc:docMk/>
            <pc:sldMk cId="4018712133" sldId="1251"/>
            <ac:spMk id="11" creationId="{6BC00D28-42EC-3EC2-4AA9-95A7C4AF37F5}"/>
          </ac:spMkLst>
        </pc:spChg>
        <pc:spChg chg="add mod">
          <ac:chgData name="SIDES DURA Mario" userId="e156268f-f6e3-488f-b10a-01d630cdc77c" providerId="ADAL" clId="{2CE185B9-7483-4812-8348-A625752FEBC3}" dt="2024-11-26T14:03:19.802" v="928" actId="207"/>
          <ac:spMkLst>
            <pc:docMk/>
            <pc:sldMk cId="4018712133" sldId="1251"/>
            <ac:spMk id="12" creationId="{A4D4525F-8449-0EA3-24BF-C02E85D6D9E7}"/>
          </ac:spMkLst>
        </pc:spChg>
        <pc:spChg chg="add del mod">
          <ac:chgData name="SIDES DURA Mario" userId="e156268f-f6e3-488f-b10a-01d630cdc77c" providerId="ADAL" clId="{2CE185B9-7483-4812-8348-A625752FEBC3}" dt="2024-11-26T13:46:23.979" v="461" actId="478"/>
          <ac:spMkLst>
            <pc:docMk/>
            <pc:sldMk cId="4018712133" sldId="1251"/>
            <ac:spMk id="13" creationId="{93A3D867-4FAB-EF90-8EAC-775AC5AC0F61}"/>
          </ac:spMkLst>
        </pc:spChg>
        <pc:spChg chg="del mod ord">
          <ac:chgData name="SIDES DURA Mario" userId="e156268f-f6e3-488f-b10a-01d630cdc77c" providerId="ADAL" clId="{2CE185B9-7483-4812-8348-A625752FEBC3}" dt="2024-11-26T13:41:06.435" v="410" actId="478"/>
          <ac:spMkLst>
            <pc:docMk/>
            <pc:sldMk cId="4018712133" sldId="1251"/>
            <ac:spMk id="14" creationId="{F3D66F55-8E56-413E-B5D5-591347D2BE16}"/>
          </ac:spMkLst>
        </pc:spChg>
        <pc:spChg chg="add del mod">
          <ac:chgData name="SIDES DURA Mario" userId="e156268f-f6e3-488f-b10a-01d630cdc77c" providerId="ADAL" clId="{2CE185B9-7483-4812-8348-A625752FEBC3}" dt="2024-11-26T13:46:25.122" v="462" actId="478"/>
          <ac:spMkLst>
            <pc:docMk/>
            <pc:sldMk cId="4018712133" sldId="1251"/>
            <ac:spMk id="15" creationId="{49482FB0-180B-B0E2-131D-191262040ECC}"/>
          </ac:spMkLst>
        </pc:spChg>
        <pc:spChg chg="add del mod">
          <ac:chgData name="SIDES DURA Mario" userId="e156268f-f6e3-488f-b10a-01d630cdc77c" providerId="ADAL" clId="{2CE185B9-7483-4812-8348-A625752FEBC3}" dt="2024-11-26T13:46:25.867" v="463" actId="478"/>
          <ac:spMkLst>
            <pc:docMk/>
            <pc:sldMk cId="4018712133" sldId="1251"/>
            <ac:spMk id="16" creationId="{2707DD39-B7E7-EC4B-BBD9-8197F9C18428}"/>
          </ac:spMkLst>
        </pc:spChg>
        <pc:spChg chg="add mod">
          <ac:chgData name="SIDES DURA Mario" userId="e156268f-f6e3-488f-b10a-01d630cdc77c" providerId="ADAL" clId="{2CE185B9-7483-4812-8348-A625752FEBC3}" dt="2024-11-26T14:03:53.747" v="929" actId="207"/>
          <ac:spMkLst>
            <pc:docMk/>
            <pc:sldMk cId="4018712133" sldId="1251"/>
            <ac:spMk id="19" creationId="{E871AFDA-BA57-BDD2-BA59-150A030978FB}"/>
          </ac:spMkLst>
        </pc:spChg>
        <pc:spChg chg="add mod">
          <ac:chgData name="SIDES DURA Mario" userId="e156268f-f6e3-488f-b10a-01d630cdc77c" providerId="ADAL" clId="{2CE185B9-7483-4812-8348-A625752FEBC3}" dt="2024-11-26T14:03:53.747" v="929" actId="207"/>
          <ac:spMkLst>
            <pc:docMk/>
            <pc:sldMk cId="4018712133" sldId="1251"/>
            <ac:spMk id="21" creationId="{6E1C0DF4-D757-C0A4-C5BA-F858DB0B488D}"/>
          </ac:spMkLst>
        </pc:spChg>
        <pc:spChg chg="add mod">
          <ac:chgData name="SIDES DURA Mario" userId="e156268f-f6e3-488f-b10a-01d630cdc77c" providerId="ADAL" clId="{2CE185B9-7483-4812-8348-A625752FEBC3}" dt="2024-11-26T14:03:53.747" v="929" actId="207"/>
          <ac:spMkLst>
            <pc:docMk/>
            <pc:sldMk cId="4018712133" sldId="1251"/>
            <ac:spMk id="23" creationId="{EEF6CCAF-DA97-A384-F6F3-A1D5ADF272B3}"/>
          </ac:spMkLst>
        </pc:spChg>
        <pc:spChg chg="add">
          <ac:chgData name="SIDES DURA Mario" userId="e156268f-f6e3-488f-b10a-01d630cdc77c" providerId="ADAL" clId="{2CE185B9-7483-4812-8348-A625752FEBC3}" dt="2024-11-26T13:51:28.014" v="566"/>
          <ac:spMkLst>
            <pc:docMk/>
            <pc:sldMk cId="4018712133" sldId="1251"/>
            <ac:spMk id="24" creationId="{BCD3A3A3-3EE2-69C3-A9C4-A6480F957A1C}"/>
          </ac:spMkLst>
        </pc:spChg>
        <pc:spChg chg="add mod">
          <ac:chgData name="SIDES DURA Mario" userId="e156268f-f6e3-488f-b10a-01d630cdc77c" providerId="ADAL" clId="{2CE185B9-7483-4812-8348-A625752FEBC3}" dt="2024-11-26T14:06:23.533" v="939" actId="1076"/>
          <ac:spMkLst>
            <pc:docMk/>
            <pc:sldMk cId="4018712133" sldId="1251"/>
            <ac:spMk id="25" creationId="{5E5DE804-7EBA-97A3-1EAC-7A4D4B023753}"/>
          </ac:spMkLst>
        </pc:spChg>
        <pc:spChg chg="add mod">
          <ac:chgData name="SIDES DURA Mario" userId="e156268f-f6e3-488f-b10a-01d630cdc77c" providerId="ADAL" clId="{2CE185B9-7483-4812-8348-A625752FEBC3}" dt="2024-11-26T13:51:41.936" v="569"/>
          <ac:spMkLst>
            <pc:docMk/>
            <pc:sldMk cId="4018712133" sldId="1251"/>
            <ac:spMk id="26" creationId="{FC585124-50C5-82CE-B763-CD3CD31DBD4F}"/>
          </ac:spMkLst>
        </pc:spChg>
        <pc:spChg chg="add">
          <ac:chgData name="SIDES DURA Mario" userId="e156268f-f6e3-488f-b10a-01d630cdc77c" providerId="ADAL" clId="{2CE185B9-7483-4812-8348-A625752FEBC3}" dt="2024-11-26T13:51:57.772" v="581"/>
          <ac:spMkLst>
            <pc:docMk/>
            <pc:sldMk cId="4018712133" sldId="1251"/>
            <ac:spMk id="27" creationId="{B72541C4-F33D-2D05-9CCC-DFB65B90E334}"/>
          </ac:spMkLst>
        </pc:spChg>
        <pc:spChg chg="add mod">
          <ac:chgData name="SIDES DURA Mario" userId="e156268f-f6e3-488f-b10a-01d630cdc77c" providerId="ADAL" clId="{2CE185B9-7483-4812-8348-A625752FEBC3}" dt="2024-11-26T14:06:23.533" v="939" actId="1076"/>
          <ac:spMkLst>
            <pc:docMk/>
            <pc:sldMk cId="4018712133" sldId="1251"/>
            <ac:spMk id="28" creationId="{8FAB768A-1A17-9BD7-D6D9-BD9B31E3D60D}"/>
          </ac:spMkLst>
        </pc:spChg>
        <pc:spChg chg="add mod">
          <ac:chgData name="SIDES DURA Mario" userId="e156268f-f6e3-488f-b10a-01d630cdc77c" providerId="ADAL" clId="{2CE185B9-7483-4812-8348-A625752FEBC3}" dt="2024-11-26T14:06:23.533" v="939" actId="1076"/>
          <ac:spMkLst>
            <pc:docMk/>
            <pc:sldMk cId="4018712133" sldId="1251"/>
            <ac:spMk id="29" creationId="{7CF310C3-9365-763A-738B-F4455FBA8BA8}"/>
          </ac:spMkLst>
        </pc:spChg>
        <pc:graphicFrameChg chg="add del mod modGraphic">
          <ac:chgData name="SIDES DURA Mario" userId="e156268f-f6e3-488f-b10a-01d630cdc77c" providerId="ADAL" clId="{2CE185B9-7483-4812-8348-A625752FEBC3}" dt="2024-11-26T13:43:06.901" v="435" actId="478"/>
          <ac:graphicFrameMkLst>
            <pc:docMk/>
            <pc:sldMk cId="4018712133" sldId="1251"/>
            <ac:graphicFrameMk id="7" creationId="{4A4FF0B1-34F9-4919-B5BC-9D4D3761D0F6}"/>
          </ac:graphicFrameMkLst>
        </pc:graphicFrameChg>
        <pc:picChg chg="add del mod">
          <ac:chgData name="SIDES DURA Mario" userId="e156268f-f6e3-488f-b10a-01d630cdc77c" providerId="ADAL" clId="{2CE185B9-7483-4812-8348-A625752FEBC3}" dt="2024-11-26T13:43:08.640" v="436" actId="478"/>
          <ac:picMkLst>
            <pc:docMk/>
            <pc:sldMk cId="4018712133" sldId="1251"/>
            <ac:picMk id="9" creationId="{76985DD8-62D4-9849-E086-F889484A529D}"/>
          </ac:picMkLst>
        </pc:picChg>
        <pc:picChg chg="add mod">
          <ac:chgData name="SIDES DURA Mario" userId="e156268f-f6e3-488f-b10a-01d630cdc77c" providerId="ADAL" clId="{2CE185B9-7483-4812-8348-A625752FEBC3}" dt="2024-11-26T14:05:36.705" v="935" actId="207"/>
          <ac:picMkLst>
            <pc:docMk/>
            <pc:sldMk cId="4018712133" sldId="1251"/>
            <ac:picMk id="18" creationId="{2EA56A0B-57BE-7062-ADF5-D9FC72DC9989}"/>
          </ac:picMkLst>
        </pc:picChg>
        <pc:picChg chg="add mod">
          <ac:chgData name="SIDES DURA Mario" userId="e156268f-f6e3-488f-b10a-01d630cdc77c" providerId="ADAL" clId="{2CE185B9-7483-4812-8348-A625752FEBC3}" dt="2024-11-26T14:05:56.125" v="938" actId="14100"/>
          <ac:picMkLst>
            <pc:docMk/>
            <pc:sldMk cId="4018712133" sldId="1251"/>
            <ac:picMk id="20" creationId="{6197BBA2-FC69-B5C4-BFCF-04937FD156EA}"/>
          </ac:picMkLst>
        </pc:picChg>
        <pc:picChg chg="add mod">
          <ac:chgData name="SIDES DURA Mario" userId="e156268f-f6e3-488f-b10a-01d630cdc77c" providerId="ADAL" clId="{2CE185B9-7483-4812-8348-A625752FEBC3}" dt="2024-11-26T14:05:40.011" v="936" actId="207"/>
          <ac:picMkLst>
            <pc:docMk/>
            <pc:sldMk cId="4018712133" sldId="1251"/>
            <ac:picMk id="22" creationId="{5E9D7EAC-AAE7-E6F3-06AA-22FCFFC99E7A}"/>
          </ac:picMkLst>
        </pc:picChg>
        <pc:picChg chg="add del mod">
          <ac:chgData name="SIDES DURA Mario" userId="e156268f-f6e3-488f-b10a-01d630cdc77c" providerId="ADAL" clId="{2CE185B9-7483-4812-8348-A625752FEBC3}" dt="2024-11-26T14:07:38.112" v="943" actId="21"/>
          <ac:picMkLst>
            <pc:docMk/>
            <pc:sldMk cId="4018712133" sldId="1251"/>
            <ac:picMk id="31" creationId="{5EBF8481-94F7-67E6-48A6-F2ADE3E10AF4}"/>
          </ac:picMkLst>
        </pc:picChg>
      </pc:sldChg>
      <pc:sldChg chg="addSp delSp modSp add del mod">
        <pc:chgData name="SIDES DURA Mario" userId="e156268f-f6e3-488f-b10a-01d630cdc77c" providerId="ADAL" clId="{2CE185B9-7483-4812-8348-A625752FEBC3}" dt="2024-11-26T14:36:23.458" v="1058" actId="47"/>
        <pc:sldMkLst>
          <pc:docMk/>
          <pc:sldMk cId="4067133872" sldId="1252"/>
        </pc:sldMkLst>
        <pc:spChg chg="add mod ord">
          <ac:chgData name="SIDES DURA Mario" userId="e156268f-f6e3-488f-b10a-01d630cdc77c" providerId="ADAL" clId="{2CE185B9-7483-4812-8348-A625752FEBC3}" dt="2024-11-26T14:10:13.523" v="976" actId="167"/>
          <ac:spMkLst>
            <pc:docMk/>
            <pc:sldMk cId="4067133872" sldId="1252"/>
            <ac:spMk id="2" creationId="{9EE46BE3-5C7C-390C-7D37-54DDCD2D257B}"/>
          </ac:spMkLst>
        </pc:spChg>
        <pc:spChg chg="add mod ord">
          <ac:chgData name="SIDES DURA Mario" userId="e156268f-f6e3-488f-b10a-01d630cdc77c" providerId="ADAL" clId="{2CE185B9-7483-4812-8348-A625752FEBC3}" dt="2024-11-26T14:10:26.024" v="980" actId="167"/>
          <ac:spMkLst>
            <pc:docMk/>
            <pc:sldMk cId="4067133872" sldId="1252"/>
            <ac:spMk id="3" creationId="{8D2AE6A8-BB5A-9BA2-73B2-F35DF93FB8C4}"/>
          </ac:spMkLst>
        </pc:spChg>
        <pc:spChg chg="mod">
          <ac:chgData name="SIDES DURA Mario" userId="e156268f-f6e3-488f-b10a-01d630cdc77c" providerId="ADAL" clId="{2CE185B9-7483-4812-8348-A625752FEBC3}" dt="2024-11-26T14:09:09.199" v="968" actId="14100"/>
          <ac:spMkLst>
            <pc:docMk/>
            <pc:sldMk cId="4067133872" sldId="1252"/>
            <ac:spMk id="10" creationId="{FCC67F62-EDAC-4890-BBA8-03347C979BE7}"/>
          </ac:spMkLst>
        </pc:spChg>
        <pc:spChg chg="del">
          <ac:chgData name="SIDES DURA Mario" userId="e156268f-f6e3-488f-b10a-01d630cdc77c" providerId="ADAL" clId="{2CE185B9-7483-4812-8348-A625752FEBC3}" dt="2024-11-26T14:09:43.521" v="969" actId="478"/>
          <ac:spMkLst>
            <pc:docMk/>
            <pc:sldMk cId="4067133872" sldId="1252"/>
            <ac:spMk id="11" creationId="{6BC00D28-42EC-3EC2-4AA9-95A7C4AF37F5}"/>
          </ac:spMkLst>
        </pc:spChg>
        <pc:spChg chg="del mod">
          <ac:chgData name="SIDES DURA Mario" userId="e156268f-f6e3-488f-b10a-01d630cdc77c" providerId="ADAL" clId="{2CE185B9-7483-4812-8348-A625752FEBC3}" dt="2024-11-26T14:10:17.723" v="977" actId="478"/>
          <ac:spMkLst>
            <pc:docMk/>
            <pc:sldMk cId="4067133872" sldId="1252"/>
            <ac:spMk id="12" creationId="{A4D4525F-8449-0EA3-24BF-C02E85D6D9E7}"/>
          </ac:spMkLst>
        </pc:spChg>
        <pc:picChg chg="add del">
          <ac:chgData name="SIDES DURA Mario" userId="e156268f-f6e3-488f-b10a-01d630cdc77c" providerId="ADAL" clId="{2CE185B9-7483-4812-8348-A625752FEBC3}" dt="2024-11-26T14:08:17.162" v="961" actId="478"/>
          <ac:picMkLst>
            <pc:docMk/>
            <pc:sldMk cId="4067133872" sldId="1252"/>
            <ac:picMk id="22" creationId="{5E9D7EAC-AAE7-E6F3-06AA-22FCFFC99E7A}"/>
          </ac:picMkLst>
        </pc:picChg>
        <pc:picChg chg="add mod">
          <ac:chgData name="SIDES DURA Mario" userId="e156268f-f6e3-488f-b10a-01d630cdc77c" providerId="ADAL" clId="{2CE185B9-7483-4812-8348-A625752FEBC3}" dt="2024-11-26T14:08:16.303" v="960" actId="1076"/>
          <ac:picMkLst>
            <pc:docMk/>
            <pc:sldMk cId="4067133872" sldId="1252"/>
            <ac:picMk id="31" creationId="{5EBF8481-94F7-67E6-48A6-F2ADE3E10AF4}"/>
          </ac:picMkLst>
        </pc:picChg>
      </pc:sldChg>
      <pc:sldChg chg="modSp add mod ord modShow">
        <pc:chgData name="SIDES DURA Mario" userId="e156268f-f6e3-488f-b10a-01d630cdc77c" providerId="ADAL" clId="{2CE185B9-7483-4812-8348-A625752FEBC3}" dt="2024-11-26T14:36:40.528" v="1061"/>
        <pc:sldMkLst>
          <pc:docMk/>
          <pc:sldMk cId="2512310705" sldId="1253"/>
        </pc:sldMkLst>
        <pc:spChg chg="mod">
          <ac:chgData name="SIDES DURA Mario" userId="e156268f-f6e3-488f-b10a-01d630cdc77c" providerId="ADAL" clId="{2CE185B9-7483-4812-8348-A625752FEBC3}" dt="2024-11-26T14:12:27.312" v="994" actId="14100"/>
          <ac:spMkLst>
            <pc:docMk/>
            <pc:sldMk cId="2512310705" sldId="1253"/>
            <ac:spMk id="2" creationId="{9EE46BE3-5C7C-390C-7D37-54DDCD2D257B}"/>
          </ac:spMkLst>
        </pc:spChg>
        <pc:spChg chg="mod">
          <ac:chgData name="SIDES DURA Mario" userId="e156268f-f6e3-488f-b10a-01d630cdc77c" providerId="ADAL" clId="{2CE185B9-7483-4812-8348-A625752FEBC3}" dt="2024-11-26T14:12:15.098" v="993" actId="14100"/>
          <ac:spMkLst>
            <pc:docMk/>
            <pc:sldMk cId="2512310705" sldId="1253"/>
            <ac:spMk id="3" creationId="{8D2AE6A8-BB5A-9BA2-73B2-F35DF93FB8C4}"/>
          </ac:spMkLst>
        </pc:spChg>
        <pc:spChg chg="mod">
          <ac:chgData name="SIDES DURA Mario" userId="e156268f-f6e3-488f-b10a-01d630cdc77c" providerId="ADAL" clId="{2CE185B9-7483-4812-8348-A625752FEBC3}" dt="2024-11-26T14:10:54.742" v="984" actId="1076"/>
          <ac:spMkLst>
            <pc:docMk/>
            <pc:sldMk cId="2512310705" sldId="1253"/>
            <ac:spMk id="19" creationId="{E871AFDA-BA57-BDD2-BA59-150A030978FB}"/>
          </ac:spMkLst>
        </pc:spChg>
        <pc:spChg chg="mod">
          <ac:chgData name="SIDES DURA Mario" userId="e156268f-f6e3-488f-b10a-01d630cdc77c" providerId="ADAL" clId="{2CE185B9-7483-4812-8348-A625752FEBC3}" dt="2024-11-26T14:11:05.486" v="986" actId="1076"/>
          <ac:spMkLst>
            <pc:docMk/>
            <pc:sldMk cId="2512310705" sldId="1253"/>
            <ac:spMk id="21" creationId="{6E1C0DF4-D757-C0A4-C5BA-F858DB0B488D}"/>
          </ac:spMkLst>
        </pc:spChg>
        <pc:spChg chg="mod">
          <ac:chgData name="SIDES DURA Mario" userId="e156268f-f6e3-488f-b10a-01d630cdc77c" providerId="ADAL" clId="{2CE185B9-7483-4812-8348-A625752FEBC3}" dt="2024-11-26T14:11:37.603" v="991" actId="1076"/>
          <ac:spMkLst>
            <pc:docMk/>
            <pc:sldMk cId="2512310705" sldId="1253"/>
            <ac:spMk id="23" creationId="{EEF6CCAF-DA97-A384-F6F3-A1D5ADF272B3}"/>
          </ac:spMkLst>
        </pc:spChg>
        <pc:picChg chg="mod">
          <ac:chgData name="SIDES DURA Mario" userId="e156268f-f6e3-488f-b10a-01d630cdc77c" providerId="ADAL" clId="{2CE185B9-7483-4812-8348-A625752FEBC3}" dt="2024-11-26T14:10:58.624" v="985" actId="1076"/>
          <ac:picMkLst>
            <pc:docMk/>
            <pc:sldMk cId="2512310705" sldId="1253"/>
            <ac:picMk id="18" creationId="{2EA56A0B-57BE-7062-ADF5-D9FC72DC9989}"/>
          </ac:picMkLst>
        </pc:picChg>
        <pc:picChg chg="mod">
          <ac:chgData name="SIDES DURA Mario" userId="e156268f-f6e3-488f-b10a-01d630cdc77c" providerId="ADAL" clId="{2CE185B9-7483-4812-8348-A625752FEBC3}" dt="2024-11-26T14:11:13.793" v="987" actId="1076"/>
          <ac:picMkLst>
            <pc:docMk/>
            <pc:sldMk cId="2512310705" sldId="1253"/>
            <ac:picMk id="20" creationId="{6197BBA2-FC69-B5C4-BFCF-04937FD156EA}"/>
          </ac:picMkLst>
        </pc:picChg>
        <pc:picChg chg="mod">
          <ac:chgData name="SIDES DURA Mario" userId="e156268f-f6e3-488f-b10a-01d630cdc77c" providerId="ADAL" clId="{2CE185B9-7483-4812-8348-A625752FEBC3}" dt="2024-11-26T14:11:30.093" v="990" actId="1076"/>
          <ac:picMkLst>
            <pc:docMk/>
            <pc:sldMk cId="2512310705" sldId="1253"/>
            <ac:picMk id="22" creationId="{5E9D7EAC-AAE7-E6F3-06AA-22FCFFC99E7A}"/>
          </ac:picMkLst>
        </pc:picChg>
      </pc:sldChg>
      <pc:sldChg chg="addSp delSp modSp add mod">
        <pc:chgData name="SIDES DURA Mario" userId="e156268f-f6e3-488f-b10a-01d630cdc77c" providerId="ADAL" clId="{2CE185B9-7483-4812-8348-A625752FEBC3}" dt="2024-11-26T14:44:34.152" v="1114" actId="14100"/>
        <pc:sldMkLst>
          <pc:docMk/>
          <pc:sldMk cId="1617778074" sldId="1254"/>
        </pc:sldMkLst>
        <pc:spChg chg="del">
          <ac:chgData name="SIDES DURA Mario" userId="e156268f-f6e3-488f-b10a-01d630cdc77c" providerId="ADAL" clId="{2CE185B9-7483-4812-8348-A625752FEBC3}" dt="2024-11-26T14:13:39.160" v="1000" actId="478"/>
          <ac:spMkLst>
            <pc:docMk/>
            <pc:sldMk cId="1617778074" sldId="1254"/>
            <ac:spMk id="2" creationId="{9EE46BE3-5C7C-390C-7D37-54DDCD2D257B}"/>
          </ac:spMkLst>
        </pc:spChg>
        <pc:spChg chg="del">
          <ac:chgData name="SIDES DURA Mario" userId="e156268f-f6e3-488f-b10a-01d630cdc77c" providerId="ADAL" clId="{2CE185B9-7483-4812-8348-A625752FEBC3}" dt="2024-11-26T14:14:02.503" v="1003" actId="478"/>
          <ac:spMkLst>
            <pc:docMk/>
            <pc:sldMk cId="1617778074" sldId="1254"/>
            <ac:spMk id="3" creationId="{8D2AE6A8-BB5A-9BA2-73B2-F35DF93FB8C4}"/>
          </ac:spMkLst>
        </pc:spChg>
        <pc:spChg chg="add mod">
          <ac:chgData name="SIDES DURA Mario" userId="e156268f-f6e3-488f-b10a-01d630cdc77c" providerId="ADAL" clId="{2CE185B9-7483-4812-8348-A625752FEBC3}" dt="2024-11-26T14:44:24.695" v="1113" actId="14100"/>
          <ac:spMkLst>
            <pc:docMk/>
            <pc:sldMk cId="1617778074" sldId="1254"/>
            <ac:spMk id="5" creationId="{7AA0EAD2-47A1-71A8-37FB-F9733004AF5B}"/>
          </ac:spMkLst>
        </pc:spChg>
        <pc:spChg chg="add mod">
          <ac:chgData name="SIDES DURA Mario" userId="e156268f-f6e3-488f-b10a-01d630cdc77c" providerId="ADAL" clId="{2CE185B9-7483-4812-8348-A625752FEBC3}" dt="2024-11-26T14:44:34.152" v="1114" actId="14100"/>
          <ac:spMkLst>
            <pc:docMk/>
            <pc:sldMk cId="1617778074" sldId="1254"/>
            <ac:spMk id="7" creationId="{1EE7F797-D418-10CE-C386-A41C1424CAE1}"/>
          </ac:spMkLst>
        </pc:spChg>
        <pc:spChg chg="add mod">
          <ac:chgData name="SIDES DURA Mario" userId="e156268f-f6e3-488f-b10a-01d630cdc77c" providerId="ADAL" clId="{2CE185B9-7483-4812-8348-A625752FEBC3}" dt="2024-11-26T14:44:24.695" v="1113" actId="14100"/>
          <ac:spMkLst>
            <pc:docMk/>
            <pc:sldMk cId="1617778074" sldId="1254"/>
            <ac:spMk id="8" creationId="{FF867844-EDBC-D5EF-F3DB-DBE7BD0D0789}"/>
          </ac:spMkLst>
        </pc:spChg>
        <pc:spChg chg="add mod">
          <ac:chgData name="SIDES DURA Mario" userId="e156268f-f6e3-488f-b10a-01d630cdc77c" providerId="ADAL" clId="{2CE185B9-7483-4812-8348-A625752FEBC3}" dt="2024-11-26T14:44:13.657" v="1112" actId="14100"/>
          <ac:spMkLst>
            <pc:docMk/>
            <pc:sldMk cId="1617778074" sldId="1254"/>
            <ac:spMk id="9" creationId="{F0285375-6BCB-0CD8-BB91-6148FD6E7908}"/>
          </ac:spMkLst>
        </pc:spChg>
        <pc:spChg chg="mod">
          <ac:chgData name="SIDES DURA Mario" userId="e156268f-f6e3-488f-b10a-01d630cdc77c" providerId="ADAL" clId="{2CE185B9-7483-4812-8348-A625752FEBC3}" dt="2024-11-26T14:44:34.152" v="1114" actId="14100"/>
          <ac:spMkLst>
            <pc:docMk/>
            <pc:sldMk cId="1617778074" sldId="1254"/>
            <ac:spMk id="10" creationId="{FCC67F62-EDAC-4890-BBA8-03347C979BE7}"/>
          </ac:spMkLst>
        </pc:spChg>
        <pc:spChg chg="mod">
          <ac:chgData name="SIDES DURA Mario" userId="e156268f-f6e3-488f-b10a-01d630cdc77c" providerId="ADAL" clId="{2CE185B9-7483-4812-8348-A625752FEBC3}" dt="2024-11-26T14:38:30.203" v="1071" actId="1076"/>
          <ac:spMkLst>
            <pc:docMk/>
            <pc:sldMk cId="1617778074" sldId="1254"/>
            <ac:spMk id="19" creationId="{E871AFDA-BA57-BDD2-BA59-150A030978FB}"/>
          </ac:spMkLst>
        </pc:spChg>
        <pc:spChg chg="mod">
          <ac:chgData name="SIDES DURA Mario" userId="e156268f-f6e3-488f-b10a-01d630cdc77c" providerId="ADAL" clId="{2CE185B9-7483-4812-8348-A625752FEBC3}" dt="2024-11-26T14:14:16.173" v="1006" actId="1076"/>
          <ac:spMkLst>
            <pc:docMk/>
            <pc:sldMk cId="1617778074" sldId="1254"/>
            <ac:spMk id="23" creationId="{EEF6CCAF-DA97-A384-F6F3-A1D5ADF272B3}"/>
          </ac:spMkLst>
        </pc:spChg>
        <pc:spChg chg="mod">
          <ac:chgData name="SIDES DURA Mario" userId="e156268f-f6e3-488f-b10a-01d630cdc77c" providerId="ADAL" clId="{2CE185B9-7483-4812-8348-A625752FEBC3}" dt="2024-11-26T14:44:02.995" v="1109" actId="1076"/>
          <ac:spMkLst>
            <pc:docMk/>
            <pc:sldMk cId="1617778074" sldId="1254"/>
            <ac:spMk id="25" creationId="{5E5DE804-7EBA-97A3-1EAC-7A4D4B023753}"/>
          </ac:spMkLst>
        </pc:spChg>
        <pc:spChg chg="mod">
          <ac:chgData name="SIDES DURA Mario" userId="e156268f-f6e3-488f-b10a-01d630cdc77c" providerId="ADAL" clId="{2CE185B9-7483-4812-8348-A625752FEBC3}" dt="2024-11-26T14:38:30.203" v="1071" actId="1076"/>
          <ac:spMkLst>
            <pc:docMk/>
            <pc:sldMk cId="1617778074" sldId="1254"/>
            <ac:spMk id="29" creationId="{7CF310C3-9365-763A-738B-F4455FBA8BA8}"/>
          </ac:spMkLst>
        </pc:spChg>
        <pc:picChg chg="add mod">
          <ac:chgData name="SIDES DURA Mario" userId="e156268f-f6e3-488f-b10a-01d630cdc77c" providerId="ADAL" clId="{2CE185B9-7483-4812-8348-A625752FEBC3}" dt="2024-11-26T14:44:09.052" v="1111" actId="1076"/>
          <ac:picMkLst>
            <pc:docMk/>
            <pc:sldMk cId="1617778074" sldId="1254"/>
            <ac:picMk id="12" creationId="{A1F6BA30-BD87-AF80-6C38-EA6AA9309ED3}"/>
          </ac:picMkLst>
        </pc:picChg>
        <pc:picChg chg="mod">
          <ac:chgData name="SIDES DURA Mario" userId="e156268f-f6e3-488f-b10a-01d630cdc77c" providerId="ADAL" clId="{2CE185B9-7483-4812-8348-A625752FEBC3}" dt="2024-11-26T14:38:30.203" v="1071" actId="1076"/>
          <ac:picMkLst>
            <pc:docMk/>
            <pc:sldMk cId="1617778074" sldId="1254"/>
            <ac:picMk id="18" creationId="{2EA56A0B-57BE-7062-ADF5-D9FC72DC9989}"/>
          </ac:picMkLst>
        </pc:picChg>
        <pc:picChg chg="mod">
          <ac:chgData name="SIDES DURA Mario" userId="e156268f-f6e3-488f-b10a-01d630cdc77c" providerId="ADAL" clId="{2CE185B9-7483-4812-8348-A625752FEBC3}" dt="2024-11-26T14:14:16.173" v="1006" actId="1076"/>
          <ac:picMkLst>
            <pc:docMk/>
            <pc:sldMk cId="1617778074" sldId="1254"/>
            <ac:picMk id="22" creationId="{5E9D7EAC-AAE7-E6F3-06AA-22FCFFC99E7A}"/>
          </ac:picMkLst>
        </pc:picChg>
      </pc:sldChg>
      <pc:sldChg chg="modSp add del mod">
        <pc:chgData name="SIDES DURA Mario" userId="e156268f-f6e3-488f-b10a-01d630cdc77c" providerId="ADAL" clId="{2CE185B9-7483-4812-8348-A625752FEBC3}" dt="2024-11-26T14:36:18.026" v="1056" actId="47"/>
        <pc:sldMkLst>
          <pc:docMk/>
          <pc:sldMk cId="3201648084" sldId="1255"/>
        </pc:sldMkLst>
        <pc:spChg chg="mod">
          <ac:chgData name="SIDES DURA Mario" userId="e156268f-f6e3-488f-b10a-01d630cdc77c" providerId="ADAL" clId="{2CE185B9-7483-4812-8348-A625752FEBC3}" dt="2024-11-26T14:18:06.010" v="1026" actId="14100"/>
          <ac:spMkLst>
            <pc:docMk/>
            <pc:sldMk cId="3201648084" sldId="1255"/>
            <ac:spMk id="10" creationId="{FCC67F62-EDAC-4890-BBA8-03347C979BE7}"/>
          </ac:spMkLst>
        </pc:spChg>
        <pc:spChg chg="mod">
          <ac:chgData name="SIDES DURA Mario" userId="e156268f-f6e3-488f-b10a-01d630cdc77c" providerId="ADAL" clId="{2CE185B9-7483-4812-8348-A625752FEBC3}" dt="2024-11-26T14:18:08.927" v="1027" actId="14100"/>
          <ac:spMkLst>
            <pc:docMk/>
            <pc:sldMk cId="3201648084" sldId="1255"/>
            <ac:spMk id="11" creationId="{6BC00D28-42EC-3EC2-4AA9-95A7C4AF37F5}"/>
          </ac:spMkLst>
        </pc:spChg>
        <pc:spChg chg="mod">
          <ac:chgData name="SIDES DURA Mario" userId="e156268f-f6e3-488f-b10a-01d630cdc77c" providerId="ADAL" clId="{2CE185B9-7483-4812-8348-A625752FEBC3}" dt="2024-11-26T14:18:12.007" v="1028" actId="14100"/>
          <ac:spMkLst>
            <pc:docMk/>
            <pc:sldMk cId="3201648084" sldId="1255"/>
            <ac:spMk id="12" creationId="{A4D4525F-8449-0EA3-24BF-C02E85D6D9E7}"/>
          </ac:spMkLst>
        </pc:spChg>
      </pc:sldChg>
      <pc:sldChg chg="modSp add del mod">
        <pc:chgData name="SIDES DURA Mario" userId="e156268f-f6e3-488f-b10a-01d630cdc77c" providerId="ADAL" clId="{2CE185B9-7483-4812-8348-A625752FEBC3}" dt="2024-11-26T14:36:21.566" v="1057" actId="47"/>
        <pc:sldMkLst>
          <pc:docMk/>
          <pc:sldMk cId="2391169554" sldId="1256"/>
        </pc:sldMkLst>
        <pc:spChg chg="mod">
          <ac:chgData name="SIDES DURA Mario" userId="e156268f-f6e3-488f-b10a-01d630cdc77c" providerId="ADAL" clId="{2CE185B9-7483-4812-8348-A625752FEBC3}" dt="2024-11-26T14:18:22.942" v="1030" actId="1076"/>
          <ac:spMkLst>
            <pc:docMk/>
            <pc:sldMk cId="2391169554" sldId="1256"/>
            <ac:spMk id="19" creationId="{E871AFDA-BA57-BDD2-BA59-150A030978FB}"/>
          </ac:spMkLst>
        </pc:spChg>
        <pc:spChg chg="mod">
          <ac:chgData name="SIDES DURA Mario" userId="e156268f-f6e3-488f-b10a-01d630cdc77c" providerId="ADAL" clId="{2CE185B9-7483-4812-8348-A625752FEBC3}" dt="2024-11-26T14:18:28.305" v="1031" actId="1076"/>
          <ac:spMkLst>
            <pc:docMk/>
            <pc:sldMk cId="2391169554" sldId="1256"/>
            <ac:spMk id="21" creationId="{6E1C0DF4-D757-C0A4-C5BA-F858DB0B488D}"/>
          </ac:spMkLst>
        </pc:spChg>
        <pc:spChg chg="mod">
          <ac:chgData name="SIDES DURA Mario" userId="e156268f-f6e3-488f-b10a-01d630cdc77c" providerId="ADAL" clId="{2CE185B9-7483-4812-8348-A625752FEBC3}" dt="2024-11-26T14:18:37.432" v="1032" actId="1076"/>
          <ac:spMkLst>
            <pc:docMk/>
            <pc:sldMk cId="2391169554" sldId="1256"/>
            <ac:spMk id="23" creationId="{EEF6CCAF-DA97-A384-F6F3-A1D5ADF272B3}"/>
          </ac:spMkLst>
        </pc:spChg>
        <pc:picChg chg="mod">
          <ac:chgData name="SIDES DURA Mario" userId="e156268f-f6e3-488f-b10a-01d630cdc77c" providerId="ADAL" clId="{2CE185B9-7483-4812-8348-A625752FEBC3}" dt="2024-11-26T14:18:46.074" v="1033" actId="1076"/>
          <ac:picMkLst>
            <pc:docMk/>
            <pc:sldMk cId="2391169554" sldId="1256"/>
            <ac:picMk id="18" creationId="{2EA56A0B-57BE-7062-ADF5-D9FC72DC9989}"/>
          </ac:picMkLst>
        </pc:picChg>
        <pc:picChg chg="mod">
          <ac:chgData name="SIDES DURA Mario" userId="e156268f-f6e3-488f-b10a-01d630cdc77c" providerId="ADAL" clId="{2CE185B9-7483-4812-8348-A625752FEBC3}" dt="2024-11-26T14:18:46.074" v="1033" actId="1076"/>
          <ac:picMkLst>
            <pc:docMk/>
            <pc:sldMk cId="2391169554" sldId="1256"/>
            <ac:picMk id="20" creationId="{6197BBA2-FC69-B5C4-BFCF-04937FD156EA}"/>
          </ac:picMkLst>
        </pc:picChg>
        <pc:picChg chg="mod">
          <ac:chgData name="SIDES DURA Mario" userId="e156268f-f6e3-488f-b10a-01d630cdc77c" providerId="ADAL" clId="{2CE185B9-7483-4812-8348-A625752FEBC3}" dt="2024-11-26T14:18:46.074" v="1033" actId="1076"/>
          <ac:picMkLst>
            <pc:docMk/>
            <pc:sldMk cId="2391169554" sldId="1256"/>
            <ac:picMk id="22" creationId="{5E9D7EAC-AAE7-E6F3-06AA-22FCFFC99E7A}"/>
          </ac:picMkLst>
        </pc:picChg>
      </pc:sldChg>
      <pc:sldChg chg="addSp delSp modSp add mod ord modShow">
        <pc:chgData name="SIDES DURA Mario" userId="e156268f-f6e3-488f-b10a-01d630cdc77c" providerId="ADAL" clId="{2CE185B9-7483-4812-8348-A625752FEBC3}" dt="2024-11-26T14:36:40.528" v="1061"/>
        <pc:sldMkLst>
          <pc:docMk/>
          <pc:sldMk cId="2215111099" sldId="1257"/>
        </pc:sldMkLst>
        <pc:spChg chg="del">
          <ac:chgData name="SIDES DURA Mario" userId="e156268f-f6e3-488f-b10a-01d630cdc77c" providerId="ADAL" clId="{2CE185B9-7483-4812-8348-A625752FEBC3}" dt="2024-11-26T14:20:39.994" v="1035" actId="478"/>
          <ac:spMkLst>
            <pc:docMk/>
            <pc:sldMk cId="2215111099" sldId="1257"/>
            <ac:spMk id="5" creationId="{7AA0EAD2-47A1-71A8-37FB-F9733004AF5B}"/>
          </ac:spMkLst>
        </pc:spChg>
        <pc:spChg chg="mod">
          <ac:chgData name="SIDES DURA Mario" userId="e156268f-f6e3-488f-b10a-01d630cdc77c" providerId="ADAL" clId="{2CE185B9-7483-4812-8348-A625752FEBC3}" dt="2024-11-26T14:23:17.279" v="1046" actId="14100"/>
          <ac:spMkLst>
            <pc:docMk/>
            <pc:sldMk cId="2215111099" sldId="1257"/>
            <ac:spMk id="7" creationId="{1EE7F797-D418-10CE-C386-A41C1424CAE1}"/>
          </ac:spMkLst>
        </pc:spChg>
        <pc:spChg chg="mod">
          <ac:chgData name="SIDES DURA Mario" userId="e156268f-f6e3-488f-b10a-01d630cdc77c" providerId="ADAL" clId="{2CE185B9-7483-4812-8348-A625752FEBC3}" dt="2024-11-26T14:23:11.826" v="1045" actId="14100"/>
          <ac:spMkLst>
            <pc:docMk/>
            <pc:sldMk cId="2215111099" sldId="1257"/>
            <ac:spMk id="8" creationId="{FF867844-EDBC-D5EF-F3DB-DBE7BD0D0789}"/>
          </ac:spMkLst>
        </pc:spChg>
        <pc:spChg chg="mod">
          <ac:chgData name="SIDES DURA Mario" userId="e156268f-f6e3-488f-b10a-01d630cdc77c" providerId="ADAL" clId="{2CE185B9-7483-4812-8348-A625752FEBC3}" dt="2024-11-26T14:22:50.202" v="1042" actId="14100"/>
          <ac:spMkLst>
            <pc:docMk/>
            <pc:sldMk cId="2215111099" sldId="1257"/>
            <ac:spMk id="9" creationId="{F0285375-6BCB-0CD8-BB91-6148FD6E7908}"/>
          </ac:spMkLst>
        </pc:spChg>
        <pc:spChg chg="del">
          <ac:chgData name="SIDES DURA Mario" userId="e156268f-f6e3-488f-b10a-01d630cdc77c" providerId="ADAL" clId="{2CE185B9-7483-4812-8348-A625752FEBC3}" dt="2024-11-26T14:20:39.994" v="1035" actId="478"/>
          <ac:spMkLst>
            <pc:docMk/>
            <pc:sldMk cId="2215111099" sldId="1257"/>
            <ac:spMk id="10" creationId="{FCC67F62-EDAC-4890-BBA8-03347C979BE7}"/>
          </ac:spMkLst>
        </pc:spChg>
        <pc:spChg chg="add mod">
          <ac:chgData name="SIDES DURA Mario" userId="e156268f-f6e3-488f-b10a-01d630cdc77c" providerId="ADAL" clId="{2CE185B9-7483-4812-8348-A625752FEBC3}" dt="2024-11-26T14:35:13.270" v="1052" actId="11530"/>
          <ac:spMkLst>
            <pc:docMk/>
            <pc:sldMk cId="2215111099" sldId="1257"/>
            <ac:spMk id="11" creationId="{9B0A3B67-C0C8-75FE-43AD-2F6121317DFA}"/>
          </ac:spMkLst>
        </pc:spChg>
        <pc:spChg chg="mod">
          <ac:chgData name="SIDES DURA Mario" userId="e156268f-f6e3-488f-b10a-01d630cdc77c" providerId="ADAL" clId="{2CE185B9-7483-4812-8348-A625752FEBC3}" dt="2024-11-26T14:23:02.325" v="1044" actId="14100"/>
          <ac:spMkLst>
            <pc:docMk/>
            <pc:sldMk cId="2215111099" sldId="1257"/>
            <ac:spMk id="28" creationId="{8FAB768A-1A17-9BD7-D6D9-BD9B31E3D60D}"/>
          </ac:spMkLst>
        </pc:spChg>
        <pc:cxnChg chg="add del">
          <ac:chgData name="SIDES DURA Mario" userId="e156268f-f6e3-488f-b10a-01d630cdc77c" providerId="ADAL" clId="{2CE185B9-7483-4812-8348-A625752FEBC3}" dt="2024-11-26T14:23:43.643" v="1048" actId="478"/>
          <ac:cxnSpMkLst>
            <pc:docMk/>
            <pc:sldMk cId="2215111099" sldId="1257"/>
            <ac:cxnSpMk id="3" creationId="{2479919C-CC0D-A38A-5204-4B00CE7EC04A}"/>
          </ac:cxnSpMkLst>
        </pc:cxnChg>
      </pc:sldChg>
      <pc:sldChg chg="addSp delSp modSp add del mod ord modClrScheme chgLayout">
        <pc:chgData name="SIDES DURA Mario" userId="e156268f-f6e3-488f-b10a-01d630cdc77c" providerId="ADAL" clId="{2CE185B9-7483-4812-8348-A625752FEBC3}" dt="2024-11-26T14:47:49.863" v="1142" actId="47"/>
        <pc:sldMkLst>
          <pc:docMk/>
          <pc:sldMk cId="126157933" sldId="1258"/>
        </pc:sldMkLst>
        <pc:spChg chg="add del mod ord">
          <ac:chgData name="SIDES DURA Mario" userId="e156268f-f6e3-488f-b10a-01d630cdc77c" providerId="ADAL" clId="{2CE185B9-7483-4812-8348-A625752FEBC3}" dt="2024-11-26T14:47:48.286" v="1141" actId="700"/>
          <ac:spMkLst>
            <pc:docMk/>
            <pc:sldMk cId="126157933" sldId="1258"/>
            <ac:spMk id="10" creationId="{615BD2E8-FADE-E70C-10B9-1D01357F3405}"/>
          </ac:spMkLst>
        </pc:spChg>
        <pc:spChg chg="mod">
          <ac:chgData name="SIDES DURA Mario" userId="e156268f-f6e3-488f-b10a-01d630cdc77c" providerId="ADAL" clId="{2CE185B9-7483-4812-8348-A625752FEBC3}" dt="2024-11-26T14:47:47.935" v="1140" actId="1076"/>
          <ac:spMkLst>
            <pc:docMk/>
            <pc:sldMk cId="126157933" sldId="1258"/>
            <ac:spMk id="22" creationId="{CF02E89D-DF46-4269-9777-14279920D0B0}"/>
          </ac:spMkLst>
        </pc:spChg>
      </pc:sldChg>
      <pc:sldChg chg="add">
        <pc:chgData name="SIDES DURA Mario" userId="e156268f-f6e3-488f-b10a-01d630cdc77c" providerId="ADAL" clId="{2CE185B9-7483-4812-8348-A625752FEBC3}" dt="2024-11-26T14:47:58.970" v="1143" actId="2890"/>
        <pc:sldMkLst>
          <pc:docMk/>
          <pc:sldMk cId="1064084298" sldId="1258"/>
        </pc:sldMkLst>
      </pc:sldChg>
      <pc:sldChg chg="addSp delSp modSp new mod modClrScheme chgLayout">
        <pc:chgData name="SIDES DURA Mario" userId="e156268f-f6e3-488f-b10a-01d630cdc77c" providerId="ADAL" clId="{2CE185B9-7483-4812-8348-A625752FEBC3}" dt="2024-11-26T14:59:05.883" v="1256" actId="14100"/>
        <pc:sldMkLst>
          <pc:docMk/>
          <pc:sldMk cId="1631614756" sldId="1259"/>
        </pc:sldMkLst>
        <pc:spChg chg="del">
          <ac:chgData name="SIDES DURA Mario" userId="e156268f-f6e3-488f-b10a-01d630cdc77c" providerId="ADAL" clId="{2CE185B9-7483-4812-8348-A625752FEBC3}" dt="2024-11-26T14:52:39.347" v="1189" actId="26606"/>
          <ac:spMkLst>
            <pc:docMk/>
            <pc:sldMk cId="1631614756" sldId="1259"/>
            <ac:spMk id="2" creationId="{99A3E53C-FA3B-4B7F-C68B-4AF7EA88B6D7}"/>
          </ac:spMkLst>
        </pc:spChg>
        <pc:spChg chg="del">
          <ac:chgData name="SIDES DURA Mario" userId="e156268f-f6e3-488f-b10a-01d630cdc77c" providerId="ADAL" clId="{2CE185B9-7483-4812-8348-A625752FEBC3}" dt="2024-11-26T14:52:39.347" v="1189" actId="26606"/>
          <ac:spMkLst>
            <pc:docMk/>
            <pc:sldMk cId="1631614756" sldId="1259"/>
            <ac:spMk id="3" creationId="{ED64E0DC-CA47-E0E3-30DF-9588882D72BB}"/>
          </ac:spMkLst>
        </pc:spChg>
        <pc:spChg chg="del">
          <ac:chgData name="SIDES DURA Mario" userId="e156268f-f6e3-488f-b10a-01d630cdc77c" providerId="ADAL" clId="{2CE185B9-7483-4812-8348-A625752FEBC3}" dt="2024-11-26T14:52:35.411" v="1186" actId="931"/>
          <ac:spMkLst>
            <pc:docMk/>
            <pc:sldMk cId="1631614756" sldId="1259"/>
            <ac:spMk id="4" creationId="{C3EF7F42-EFB2-F898-FE82-1D15A69C4C22}"/>
          </ac:spMkLst>
        </pc:spChg>
        <pc:spChg chg="add del mod">
          <ac:chgData name="SIDES DURA Mario" userId="e156268f-f6e3-488f-b10a-01d630cdc77c" providerId="ADAL" clId="{2CE185B9-7483-4812-8348-A625752FEBC3}" dt="2024-11-26T14:56:16.848" v="1228" actId="478"/>
          <ac:spMkLst>
            <pc:docMk/>
            <pc:sldMk cId="1631614756" sldId="1259"/>
            <ac:spMk id="7" creationId="{729AF846-3128-B6DC-B3DB-B5A42948E080}"/>
          </ac:spMkLst>
        </pc:spChg>
        <pc:spChg chg="add mod">
          <ac:chgData name="SIDES DURA Mario" userId="e156268f-f6e3-488f-b10a-01d630cdc77c" providerId="ADAL" clId="{2CE185B9-7483-4812-8348-A625752FEBC3}" dt="2024-11-26T14:56:27.610" v="1230" actId="1076"/>
          <ac:spMkLst>
            <pc:docMk/>
            <pc:sldMk cId="1631614756" sldId="1259"/>
            <ac:spMk id="8" creationId="{555DF786-489D-2C26-9621-CC13353CEEB5}"/>
          </ac:spMkLst>
        </pc:spChg>
        <pc:spChg chg="add mod">
          <ac:chgData name="SIDES DURA Mario" userId="e156268f-f6e3-488f-b10a-01d630cdc77c" providerId="ADAL" clId="{2CE185B9-7483-4812-8348-A625752FEBC3}" dt="2024-11-26T14:56:27.610" v="1230" actId="1076"/>
          <ac:spMkLst>
            <pc:docMk/>
            <pc:sldMk cId="1631614756" sldId="1259"/>
            <ac:spMk id="12" creationId="{DF370272-0A85-8C85-0946-9E10D9F94288}"/>
          </ac:spMkLst>
        </pc:spChg>
        <pc:spChg chg="add del mod">
          <ac:chgData name="SIDES DURA Mario" userId="e156268f-f6e3-488f-b10a-01d630cdc77c" providerId="ADAL" clId="{2CE185B9-7483-4812-8348-A625752FEBC3}" dt="2024-11-26T14:53:12.747" v="1205" actId="478"/>
          <ac:spMkLst>
            <pc:docMk/>
            <pc:sldMk cId="1631614756" sldId="1259"/>
            <ac:spMk id="14" creationId="{B1063381-98A4-953D-76F8-E5E4BB3750E7}"/>
          </ac:spMkLst>
        </pc:spChg>
        <pc:picChg chg="add mod">
          <ac:chgData name="SIDES DURA Mario" userId="e156268f-f6e3-488f-b10a-01d630cdc77c" providerId="ADAL" clId="{2CE185B9-7483-4812-8348-A625752FEBC3}" dt="2024-11-26T14:56:41.608" v="1233" actId="1076"/>
          <ac:picMkLst>
            <pc:docMk/>
            <pc:sldMk cId="1631614756" sldId="1259"/>
            <ac:picMk id="6" creationId="{77BF10F3-F031-8918-8D7A-4389D10EC131}"/>
          </ac:picMkLst>
        </pc:picChg>
        <pc:picChg chg="add mod ord">
          <ac:chgData name="SIDES DURA Mario" userId="e156268f-f6e3-488f-b10a-01d630cdc77c" providerId="ADAL" clId="{2CE185B9-7483-4812-8348-A625752FEBC3}" dt="2024-11-26T14:59:05.883" v="1256" actId="14100"/>
          <ac:picMkLst>
            <pc:docMk/>
            <pc:sldMk cId="1631614756" sldId="1259"/>
            <ac:picMk id="10" creationId="{DF572705-DC9D-AAD5-900D-13F41FE58700}"/>
          </ac:picMkLst>
        </pc:picChg>
      </pc:sldChg>
      <pc:sldChg chg="modSp new mod">
        <pc:chgData name="SIDES DURA Mario" userId="e156268f-f6e3-488f-b10a-01d630cdc77c" providerId="ADAL" clId="{2CE185B9-7483-4812-8348-A625752FEBC3}" dt="2024-11-26T15:02:06.090" v="1267" actId="20577"/>
        <pc:sldMkLst>
          <pc:docMk/>
          <pc:sldMk cId="89328986" sldId="1260"/>
        </pc:sldMkLst>
        <pc:spChg chg="mod">
          <ac:chgData name="SIDES DURA Mario" userId="e156268f-f6e3-488f-b10a-01d630cdc77c" providerId="ADAL" clId="{2CE185B9-7483-4812-8348-A625752FEBC3}" dt="2024-11-26T15:02:06.090" v="1267" actId="20577"/>
          <ac:spMkLst>
            <pc:docMk/>
            <pc:sldMk cId="89328986" sldId="1260"/>
            <ac:spMk id="2" creationId="{7393638A-A74B-1525-A1AB-8258AD2D4460}"/>
          </ac:spMkLst>
        </pc:spChg>
      </pc:sldChg>
      <pc:sldChg chg="addSp delSp modSp add mod ord modClrScheme chgLayout">
        <pc:chgData name="SIDES DURA Mario" userId="e156268f-f6e3-488f-b10a-01d630cdc77c" providerId="ADAL" clId="{2CE185B9-7483-4812-8348-A625752FEBC3}" dt="2024-11-26T15:37:41.425" v="1740" actId="14100"/>
        <pc:sldMkLst>
          <pc:docMk/>
          <pc:sldMk cId="2047913" sldId="1261"/>
        </pc:sldMkLst>
        <pc:spChg chg="mod ord">
          <ac:chgData name="SIDES DURA Mario" userId="e156268f-f6e3-488f-b10a-01d630cdc77c" providerId="ADAL" clId="{2CE185B9-7483-4812-8348-A625752FEBC3}" dt="2024-11-26T15:23:03.346" v="1647" actId="700"/>
          <ac:spMkLst>
            <pc:docMk/>
            <pc:sldMk cId="2047913" sldId="1261"/>
            <ac:spMk id="4" creationId="{A86426CA-6EE5-48CF-859F-273198E19C3B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5" creationId="{7AA0EAD2-47A1-71A8-37FB-F9733004AF5B}"/>
          </ac:spMkLst>
        </pc:spChg>
        <pc:spChg chg="mod">
          <ac:chgData name="SIDES DURA Mario" userId="e156268f-f6e3-488f-b10a-01d630cdc77c" providerId="ADAL" clId="{2CE185B9-7483-4812-8348-A625752FEBC3}" dt="2024-11-26T15:09:42.840" v="1283" actId="20577"/>
          <ac:spMkLst>
            <pc:docMk/>
            <pc:sldMk cId="2047913" sldId="1261"/>
            <ac:spMk id="6" creationId="{3B2A6AC9-9DE3-988D-54F2-77AAEC52EB30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7" creationId="{1EE7F797-D418-10CE-C386-A41C1424CAE1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8" creationId="{FF867844-EDBC-D5EF-F3DB-DBE7BD0D0789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9" creationId="{F0285375-6BCB-0CD8-BB91-6148FD6E7908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10" creationId="{FCC67F62-EDAC-4890-BBA8-03347C979BE7}"/>
          </ac:spMkLst>
        </pc:spChg>
        <pc:spChg chg="add mod">
          <ac:chgData name="SIDES DURA Mario" userId="e156268f-f6e3-488f-b10a-01d630cdc77c" providerId="ADAL" clId="{2CE185B9-7483-4812-8348-A625752FEBC3}" dt="2024-11-26T15:34:49.131" v="1713" actId="1076"/>
          <ac:spMkLst>
            <pc:docMk/>
            <pc:sldMk cId="2047913" sldId="1261"/>
            <ac:spMk id="16" creationId="{4E5B0350-30AD-4F2D-9AF7-51F5A84A0CFD}"/>
          </ac:spMkLst>
        </pc:spChg>
        <pc:spChg chg="add mod">
          <ac:chgData name="SIDES DURA Mario" userId="e156268f-f6e3-488f-b10a-01d630cdc77c" providerId="ADAL" clId="{2CE185B9-7483-4812-8348-A625752FEBC3}" dt="2024-11-26T15:35:45.771" v="1718" actId="1076"/>
          <ac:spMkLst>
            <pc:docMk/>
            <pc:sldMk cId="2047913" sldId="1261"/>
            <ac:spMk id="17" creationId="{406B80AA-B8E1-3EE6-EE95-7A0F9B922371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19" creationId="{E871AFDA-BA57-BDD2-BA59-150A030978FB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21" creationId="{6E1C0DF4-D757-C0A4-C5BA-F858DB0B488D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23" creationId="{EEF6CCAF-DA97-A384-F6F3-A1D5ADF272B3}"/>
          </ac:spMkLst>
        </pc:spChg>
        <pc:spChg chg="add">
          <ac:chgData name="SIDES DURA Mario" userId="e156268f-f6e3-488f-b10a-01d630cdc77c" providerId="ADAL" clId="{2CE185B9-7483-4812-8348-A625752FEBC3}" dt="2024-11-26T15:13:54.338" v="1370"/>
          <ac:spMkLst>
            <pc:docMk/>
            <pc:sldMk cId="2047913" sldId="1261"/>
            <ac:spMk id="24" creationId="{E2142E27-9425-7935-5B04-4FF7F1242E16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25" creationId="{5E5DE804-7EBA-97A3-1EAC-7A4D4B023753}"/>
          </ac:spMkLst>
        </pc:spChg>
        <pc:spChg chg="add mod">
          <ac:chgData name="SIDES DURA Mario" userId="e156268f-f6e3-488f-b10a-01d630cdc77c" providerId="ADAL" clId="{2CE185B9-7483-4812-8348-A625752FEBC3}" dt="2024-11-26T15:37:32.259" v="1738" actId="1076"/>
          <ac:spMkLst>
            <pc:docMk/>
            <pc:sldMk cId="2047913" sldId="1261"/>
            <ac:spMk id="26" creationId="{B3066A8E-7F22-21A5-242E-B900AC231CF0}"/>
          </ac:spMkLst>
        </pc:spChg>
        <pc:spChg chg="add mod">
          <ac:chgData name="SIDES DURA Mario" userId="e156268f-f6e3-488f-b10a-01d630cdc77c" providerId="ADAL" clId="{2CE185B9-7483-4812-8348-A625752FEBC3}" dt="2024-11-26T15:35:48.492" v="1719" actId="1076"/>
          <ac:spMkLst>
            <pc:docMk/>
            <pc:sldMk cId="2047913" sldId="1261"/>
            <ac:spMk id="27" creationId="{437C617B-019D-F5C4-7370-B08B96AB24C7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28" creationId="{8FAB768A-1A17-9BD7-D6D9-BD9B31E3D60D}"/>
          </ac:spMkLst>
        </pc:spChg>
        <pc:spChg chg="del">
          <ac:chgData name="SIDES DURA Mario" userId="e156268f-f6e3-488f-b10a-01d630cdc77c" providerId="ADAL" clId="{2CE185B9-7483-4812-8348-A625752FEBC3}" dt="2024-11-26T15:09:29.041" v="1272" actId="478"/>
          <ac:spMkLst>
            <pc:docMk/>
            <pc:sldMk cId="2047913" sldId="1261"/>
            <ac:spMk id="29" creationId="{7CF310C3-9365-763A-738B-F4455FBA8BA8}"/>
          </ac:spMkLst>
        </pc:spChg>
        <pc:spChg chg="add">
          <ac:chgData name="SIDES DURA Mario" userId="e156268f-f6e3-488f-b10a-01d630cdc77c" providerId="ADAL" clId="{2CE185B9-7483-4812-8348-A625752FEBC3}" dt="2024-11-26T15:15:31.660" v="1392"/>
          <ac:spMkLst>
            <pc:docMk/>
            <pc:sldMk cId="2047913" sldId="1261"/>
            <ac:spMk id="30" creationId="{BBF2D615-B13A-9878-40B9-73DAD0582E6D}"/>
          </ac:spMkLst>
        </pc:spChg>
        <pc:spChg chg="add mod">
          <ac:chgData name="SIDES DURA Mario" userId="e156268f-f6e3-488f-b10a-01d630cdc77c" providerId="ADAL" clId="{2CE185B9-7483-4812-8348-A625752FEBC3}" dt="2024-11-26T15:33:04.178" v="1700" actId="1076"/>
          <ac:spMkLst>
            <pc:docMk/>
            <pc:sldMk cId="2047913" sldId="1261"/>
            <ac:spMk id="31" creationId="{733F72AF-886E-BF2C-B233-AF6F52B5FD10}"/>
          </ac:spMkLst>
        </pc:spChg>
        <pc:spChg chg="add mod">
          <ac:chgData name="SIDES DURA Mario" userId="e156268f-f6e3-488f-b10a-01d630cdc77c" providerId="ADAL" clId="{2CE185B9-7483-4812-8348-A625752FEBC3}" dt="2024-11-26T15:35:53.073" v="1720" actId="1076"/>
          <ac:spMkLst>
            <pc:docMk/>
            <pc:sldMk cId="2047913" sldId="1261"/>
            <ac:spMk id="32" creationId="{707561BF-B348-16F6-51AF-60A84DA7547D}"/>
          </ac:spMkLst>
        </pc:spChg>
        <pc:spChg chg="add">
          <ac:chgData name="SIDES DURA Mario" userId="e156268f-f6e3-488f-b10a-01d630cdc77c" providerId="ADAL" clId="{2CE185B9-7483-4812-8348-A625752FEBC3}" dt="2024-11-26T15:16:34.133" v="1399"/>
          <ac:spMkLst>
            <pc:docMk/>
            <pc:sldMk cId="2047913" sldId="1261"/>
            <ac:spMk id="33" creationId="{1A0CBC1B-DA0C-EB6A-5C13-9B841011B172}"/>
          </ac:spMkLst>
        </pc:spChg>
        <pc:spChg chg="add mod">
          <ac:chgData name="SIDES DURA Mario" userId="e156268f-f6e3-488f-b10a-01d630cdc77c" providerId="ADAL" clId="{2CE185B9-7483-4812-8348-A625752FEBC3}" dt="2024-11-26T15:34:11.464" v="1710" actId="1076"/>
          <ac:spMkLst>
            <pc:docMk/>
            <pc:sldMk cId="2047913" sldId="1261"/>
            <ac:spMk id="34" creationId="{13FA77BA-B097-2EFF-C232-59B60BD470C0}"/>
          </ac:spMkLst>
        </pc:spChg>
        <pc:spChg chg="add mod">
          <ac:chgData name="SIDES DURA Mario" userId="e156268f-f6e3-488f-b10a-01d630cdc77c" providerId="ADAL" clId="{2CE185B9-7483-4812-8348-A625752FEBC3}" dt="2024-11-26T15:34:21.472" v="1712" actId="1076"/>
          <ac:spMkLst>
            <pc:docMk/>
            <pc:sldMk cId="2047913" sldId="1261"/>
            <ac:spMk id="36" creationId="{85079A74-7413-1A5D-BB37-52E44CF187C0}"/>
          </ac:spMkLst>
        </pc:spChg>
        <pc:spChg chg="add del mod ord">
          <ac:chgData name="SIDES DURA Mario" userId="e156268f-f6e3-488f-b10a-01d630cdc77c" providerId="ADAL" clId="{2CE185B9-7483-4812-8348-A625752FEBC3}" dt="2024-11-26T15:23:02.776" v="1646" actId="700"/>
          <ac:spMkLst>
            <pc:docMk/>
            <pc:sldMk cId="2047913" sldId="1261"/>
            <ac:spMk id="37" creationId="{7BDD53E4-79CB-462F-6F82-D5AFAB780993}"/>
          </ac:spMkLst>
        </pc:spChg>
        <pc:spChg chg="add del mod ord">
          <ac:chgData name="SIDES DURA Mario" userId="e156268f-f6e3-488f-b10a-01d630cdc77c" providerId="ADAL" clId="{2CE185B9-7483-4812-8348-A625752FEBC3}" dt="2024-11-26T15:23:02.776" v="1646" actId="700"/>
          <ac:spMkLst>
            <pc:docMk/>
            <pc:sldMk cId="2047913" sldId="1261"/>
            <ac:spMk id="38" creationId="{4C277B95-B25D-E55F-D77E-6954A7F00172}"/>
          </ac:spMkLst>
        </pc:spChg>
        <pc:spChg chg="add del mod ord">
          <ac:chgData name="SIDES DURA Mario" userId="e156268f-f6e3-488f-b10a-01d630cdc77c" providerId="ADAL" clId="{2CE185B9-7483-4812-8348-A625752FEBC3}" dt="2024-11-26T15:23:02.776" v="1646" actId="700"/>
          <ac:spMkLst>
            <pc:docMk/>
            <pc:sldMk cId="2047913" sldId="1261"/>
            <ac:spMk id="39" creationId="{C81B9233-314D-AA0E-9FE6-A5E1B3FA5388}"/>
          </ac:spMkLst>
        </pc:spChg>
        <pc:spChg chg="add del mod ord">
          <ac:chgData name="SIDES DURA Mario" userId="e156268f-f6e3-488f-b10a-01d630cdc77c" providerId="ADAL" clId="{2CE185B9-7483-4812-8348-A625752FEBC3}" dt="2024-11-26T15:23:02.776" v="1646" actId="700"/>
          <ac:spMkLst>
            <pc:docMk/>
            <pc:sldMk cId="2047913" sldId="1261"/>
            <ac:spMk id="40" creationId="{D47AFF51-3E9E-8101-8D8A-4C2FBEAABF77}"/>
          </ac:spMkLst>
        </pc:spChg>
        <pc:spChg chg="add mod ord">
          <ac:chgData name="SIDES DURA Mario" userId="e156268f-f6e3-488f-b10a-01d630cdc77c" providerId="ADAL" clId="{2CE185B9-7483-4812-8348-A625752FEBC3}" dt="2024-11-26T15:33:19.385" v="1702" actId="14100"/>
          <ac:spMkLst>
            <pc:docMk/>
            <pc:sldMk cId="2047913" sldId="1261"/>
            <ac:spMk id="47" creationId="{D505A45E-D002-EF05-3263-E0CDAF19BCD3}"/>
          </ac:spMkLst>
        </pc:spChg>
        <pc:spChg chg="add mod ord">
          <ac:chgData name="SIDES DURA Mario" userId="e156268f-f6e3-488f-b10a-01d630cdc77c" providerId="ADAL" clId="{2CE185B9-7483-4812-8348-A625752FEBC3}" dt="2024-11-26T15:37:32.259" v="1738" actId="1076"/>
          <ac:spMkLst>
            <pc:docMk/>
            <pc:sldMk cId="2047913" sldId="1261"/>
            <ac:spMk id="48" creationId="{24CDC968-6B05-4A53-4E88-72D781948E1A}"/>
          </ac:spMkLst>
        </pc:spChg>
        <pc:spChg chg="add mod ord">
          <ac:chgData name="SIDES DURA Mario" userId="e156268f-f6e3-488f-b10a-01d630cdc77c" providerId="ADAL" clId="{2CE185B9-7483-4812-8348-A625752FEBC3}" dt="2024-11-26T15:37:41.425" v="1740" actId="14100"/>
          <ac:spMkLst>
            <pc:docMk/>
            <pc:sldMk cId="2047913" sldId="1261"/>
            <ac:spMk id="49" creationId="{370FA239-5ADD-2AD2-5C21-EA0381A88F92}"/>
          </ac:spMkLst>
        </pc:spChg>
        <pc:spChg chg="add mod ord">
          <ac:chgData name="SIDES DURA Mario" userId="e156268f-f6e3-488f-b10a-01d630cdc77c" providerId="ADAL" clId="{2CE185B9-7483-4812-8348-A625752FEBC3}" dt="2024-11-26T15:34:03.537" v="1708" actId="167"/>
          <ac:spMkLst>
            <pc:docMk/>
            <pc:sldMk cId="2047913" sldId="1261"/>
            <ac:spMk id="50" creationId="{BD828285-0A58-B120-926D-DB5E933D4563}"/>
          </ac:spMkLst>
        </pc:spChg>
        <pc:picChg chg="del">
          <ac:chgData name="SIDES DURA Mario" userId="e156268f-f6e3-488f-b10a-01d630cdc77c" providerId="ADAL" clId="{2CE185B9-7483-4812-8348-A625752FEBC3}" dt="2024-11-26T15:09:29.041" v="1272" actId="478"/>
          <ac:picMkLst>
            <pc:docMk/>
            <pc:sldMk cId="2047913" sldId="1261"/>
            <ac:picMk id="12" creationId="{A1F6BA30-BD87-AF80-6C38-EA6AA9309ED3}"/>
          </ac:picMkLst>
        </pc:picChg>
        <pc:picChg chg="del">
          <ac:chgData name="SIDES DURA Mario" userId="e156268f-f6e3-488f-b10a-01d630cdc77c" providerId="ADAL" clId="{2CE185B9-7483-4812-8348-A625752FEBC3}" dt="2024-11-26T15:09:29.041" v="1272" actId="478"/>
          <ac:picMkLst>
            <pc:docMk/>
            <pc:sldMk cId="2047913" sldId="1261"/>
            <ac:picMk id="18" creationId="{2EA56A0B-57BE-7062-ADF5-D9FC72DC9989}"/>
          </ac:picMkLst>
        </pc:picChg>
        <pc:picChg chg="del">
          <ac:chgData name="SIDES DURA Mario" userId="e156268f-f6e3-488f-b10a-01d630cdc77c" providerId="ADAL" clId="{2CE185B9-7483-4812-8348-A625752FEBC3}" dt="2024-11-26T15:09:29.041" v="1272" actId="478"/>
          <ac:picMkLst>
            <pc:docMk/>
            <pc:sldMk cId="2047913" sldId="1261"/>
            <ac:picMk id="20" creationId="{6197BBA2-FC69-B5C4-BFCF-04937FD156EA}"/>
          </ac:picMkLst>
        </pc:picChg>
        <pc:picChg chg="del">
          <ac:chgData name="SIDES DURA Mario" userId="e156268f-f6e3-488f-b10a-01d630cdc77c" providerId="ADAL" clId="{2CE185B9-7483-4812-8348-A625752FEBC3}" dt="2024-11-26T15:09:29.041" v="1272" actId="478"/>
          <ac:picMkLst>
            <pc:docMk/>
            <pc:sldMk cId="2047913" sldId="1261"/>
            <ac:picMk id="22" creationId="{5E9D7EAC-AAE7-E6F3-06AA-22FCFFC99E7A}"/>
          </ac:picMkLst>
        </pc:picChg>
        <pc:picChg chg="add mod">
          <ac:chgData name="SIDES DURA Mario" userId="e156268f-f6e3-488f-b10a-01d630cdc77c" providerId="ADAL" clId="{2CE185B9-7483-4812-8348-A625752FEBC3}" dt="2024-11-26T15:34:18.725" v="1711" actId="1076"/>
          <ac:picMkLst>
            <pc:docMk/>
            <pc:sldMk cId="2047913" sldId="1261"/>
            <ac:picMk id="41" creationId="{922A060F-5FC1-C3C4-DDD1-4521C6CF21F2}"/>
          </ac:picMkLst>
        </pc:picChg>
        <pc:picChg chg="add mod">
          <ac:chgData name="SIDES DURA Mario" userId="e156268f-f6e3-488f-b10a-01d630cdc77c" providerId="ADAL" clId="{2CE185B9-7483-4812-8348-A625752FEBC3}" dt="2024-11-26T15:35:23.125" v="1716" actId="207"/>
          <ac:picMkLst>
            <pc:docMk/>
            <pc:sldMk cId="2047913" sldId="1261"/>
            <ac:picMk id="43" creationId="{5C83DC97-167E-2900-EF03-37BBC87FE031}"/>
          </ac:picMkLst>
        </pc:picChg>
        <pc:picChg chg="add mod">
          <ac:chgData name="SIDES DURA Mario" userId="e156268f-f6e3-488f-b10a-01d630cdc77c" providerId="ADAL" clId="{2CE185B9-7483-4812-8348-A625752FEBC3}" dt="2024-11-26T15:35:23.125" v="1716" actId="207"/>
          <ac:picMkLst>
            <pc:docMk/>
            <pc:sldMk cId="2047913" sldId="1261"/>
            <ac:picMk id="44" creationId="{92C30128-662B-1124-71FB-C71065834D5A}"/>
          </ac:picMkLst>
        </pc:picChg>
        <pc:picChg chg="add mod">
          <ac:chgData name="SIDES DURA Mario" userId="e156268f-f6e3-488f-b10a-01d630cdc77c" providerId="ADAL" clId="{2CE185B9-7483-4812-8348-A625752FEBC3}" dt="2024-11-26T15:35:23.125" v="1716" actId="207"/>
          <ac:picMkLst>
            <pc:docMk/>
            <pc:sldMk cId="2047913" sldId="1261"/>
            <ac:picMk id="45" creationId="{ED620543-BCC9-2F80-BB68-362887F0122F}"/>
          </ac:picMkLst>
        </pc:picChg>
        <pc:picChg chg="add mod">
          <ac:chgData name="SIDES DURA Mario" userId="e156268f-f6e3-488f-b10a-01d630cdc77c" providerId="ADAL" clId="{2CE185B9-7483-4812-8348-A625752FEBC3}" dt="2024-11-26T15:35:23.125" v="1716" actId="207"/>
          <ac:picMkLst>
            <pc:docMk/>
            <pc:sldMk cId="2047913" sldId="1261"/>
            <ac:picMk id="46" creationId="{930B79CB-2F65-4CC0-BEE1-B3004F288581}"/>
          </ac:picMkLst>
        </pc:picChg>
        <pc:cxnChg chg="add mod">
          <ac:chgData name="SIDES DURA Mario" userId="e156268f-f6e3-488f-b10a-01d630cdc77c" providerId="ADAL" clId="{2CE185B9-7483-4812-8348-A625752FEBC3}" dt="2024-11-26T15:26:03.658" v="1660" actId="1076"/>
          <ac:cxnSpMkLst>
            <pc:docMk/>
            <pc:sldMk cId="2047913" sldId="1261"/>
            <ac:cxnSpMk id="3" creationId="{C7BE489F-A9CB-C503-4296-FB1552E52FEE}"/>
          </ac:cxnSpMkLst>
        </pc:cxnChg>
        <pc:cxnChg chg="add mod">
          <ac:chgData name="SIDES DURA Mario" userId="e156268f-f6e3-488f-b10a-01d630cdc77c" providerId="ADAL" clId="{2CE185B9-7483-4812-8348-A625752FEBC3}" dt="2024-11-26T15:26:03.658" v="1660" actId="1076"/>
          <ac:cxnSpMkLst>
            <pc:docMk/>
            <pc:sldMk cId="2047913" sldId="1261"/>
            <ac:cxnSpMk id="11" creationId="{220DAB29-5374-9581-CA82-92B101E880A3}"/>
          </ac:cxnSpMkLst>
        </pc:cxnChg>
        <pc:cxnChg chg="add del mod">
          <ac:chgData name="SIDES DURA Mario" userId="e156268f-f6e3-488f-b10a-01d630cdc77c" providerId="ADAL" clId="{2CE185B9-7483-4812-8348-A625752FEBC3}" dt="2024-11-26T15:26:03.658" v="1660" actId="1076"/>
          <ac:cxnSpMkLst>
            <pc:docMk/>
            <pc:sldMk cId="2047913" sldId="1261"/>
            <ac:cxnSpMk id="13" creationId="{1753DCCD-58D1-DD36-AF34-AA6D75255200}"/>
          </ac:cxnSpMkLst>
        </pc:cxnChg>
        <pc:cxnChg chg="add del mod">
          <ac:chgData name="SIDES DURA Mario" userId="e156268f-f6e3-488f-b10a-01d630cdc77c" providerId="ADAL" clId="{2CE185B9-7483-4812-8348-A625752FEBC3}" dt="2024-11-26T15:12:52.373" v="1296" actId="478"/>
          <ac:cxnSpMkLst>
            <pc:docMk/>
            <pc:sldMk cId="2047913" sldId="1261"/>
            <ac:cxnSpMk id="14" creationId="{6C4884B4-1F2F-46B4-B5A4-2FBC9B05AB9F}"/>
          </ac:cxnSpMkLst>
        </pc:cxnChg>
      </pc:sldChg>
      <pc:sldChg chg="add ord">
        <pc:chgData name="SIDES DURA Mario" userId="e156268f-f6e3-488f-b10a-01d630cdc77c" providerId="ADAL" clId="{2CE185B9-7483-4812-8348-A625752FEBC3}" dt="2024-11-26T15:36:40.251" v="1723"/>
        <pc:sldMkLst>
          <pc:docMk/>
          <pc:sldMk cId="1067677783" sldId="1262"/>
        </pc:sldMkLst>
      </pc:sldChg>
      <pc:sldChg chg="modSp add mod ord">
        <pc:chgData name="SIDES DURA Mario" userId="e156268f-f6e3-488f-b10a-01d630cdc77c" providerId="ADAL" clId="{2CE185B9-7483-4812-8348-A625752FEBC3}" dt="2024-11-26T15:37:04.081" v="1737" actId="6549"/>
        <pc:sldMkLst>
          <pc:docMk/>
          <pc:sldMk cId="2793436297" sldId="1263"/>
        </pc:sldMkLst>
        <pc:spChg chg="mod">
          <ac:chgData name="SIDES DURA Mario" userId="e156268f-f6e3-488f-b10a-01d630cdc77c" providerId="ADAL" clId="{2CE185B9-7483-4812-8348-A625752FEBC3}" dt="2024-11-26T15:37:04.081" v="1737" actId="6549"/>
          <ac:spMkLst>
            <pc:docMk/>
            <pc:sldMk cId="2793436297" sldId="1263"/>
            <ac:spMk id="2" creationId="{7393638A-A74B-1525-A1AB-8258AD2D4460}"/>
          </ac:spMkLst>
        </pc:spChg>
      </pc:sldChg>
      <pc:sldMasterChg chg="modSldLayout">
        <pc:chgData name="SIDES DURA Mario" userId="e156268f-f6e3-488f-b10a-01d630cdc77c" providerId="ADAL" clId="{2CE185B9-7483-4812-8348-A625752FEBC3}" dt="2024-11-26T15:24:10.745" v="1648" actId="478"/>
        <pc:sldMasterMkLst>
          <pc:docMk/>
          <pc:sldMasterMk cId="3654526448" sldId="2147483736"/>
        </pc:sldMasterMkLst>
        <pc:sldLayoutChg chg="modSp mod">
          <pc:chgData name="SIDES DURA Mario" userId="e156268f-f6e3-488f-b10a-01d630cdc77c" providerId="ADAL" clId="{2CE185B9-7483-4812-8348-A625752FEBC3}" dt="2024-11-26T13:06:26.163" v="172" actId="14100"/>
          <pc:sldLayoutMkLst>
            <pc:docMk/>
            <pc:sldMasterMk cId="3654526448" sldId="2147483736"/>
            <pc:sldLayoutMk cId="2526124565" sldId="2147483739"/>
          </pc:sldLayoutMkLst>
          <pc:spChg chg="mod">
            <ac:chgData name="SIDES DURA Mario" userId="e156268f-f6e3-488f-b10a-01d630cdc77c" providerId="ADAL" clId="{2CE185B9-7483-4812-8348-A625752FEBC3}" dt="2024-11-26T13:06:26.163" v="172" actId="14100"/>
            <ac:spMkLst>
              <pc:docMk/>
              <pc:sldMasterMk cId="3654526448" sldId="2147483736"/>
              <pc:sldLayoutMk cId="2526124565" sldId="2147483739"/>
              <ac:spMk id="8" creationId="{454FFFC5-E99D-431D-A5A9-0F6F833D3954}"/>
            </ac:spMkLst>
          </pc:spChg>
        </pc:sldLayoutChg>
        <pc:sldLayoutChg chg="addSp delSp modSp mod">
          <pc:chgData name="SIDES DURA Mario" userId="e156268f-f6e3-488f-b10a-01d630cdc77c" providerId="ADAL" clId="{2CE185B9-7483-4812-8348-A625752FEBC3}" dt="2024-11-26T14:59:01.305" v="1255" actId="1076"/>
          <pc:sldLayoutMkLst>
            <pc:docMk/>
            <pc:sldMasterMk cId="3654526448" sldId="2147483736"/>
            <pc:sldLayoutMk cId="1833393912" sldId="2147483744"/>
          </pc:sldLayoutMkLst>
          <pc:picChg chg="add del mod ord">
            <ac:chgData name="SIDES DURA Mario" userId="e156268f-f6e3-488f-b10a-01d630cdc77c" providerId="ADAL" clId="{2CE185B9-7483-4812-8348-A625752FEBC3}" dt="2024-11-26T14:59:01.305" v="1255" actId="1076"/>
            <ac:picMkLst>
              <pc:docMk/>
              <pc:sldMasterMk cId="3654526448" sldId="2147483736"/>
              <pc:sldLayoutMk cId="1833393912" sldId="2147483744"/>
              <ac:picMk id="18" creationId="{9A204E64-336C-4C11-844E-FCD06CC35BF7}"/>
            </ac:picMkLst>
          </pc:picChg>
        </pc:sldLayoutChg>
        <pc:sldLayoutChg chg="delSp mod delAnim">
          <pc:chgData name="SIDES DURA Mario" userId="e156268f-f6e3-488f-b10a-01d630cdc77c" providerId="ADAL" clId="{2CE185B9-7483-4812-8348-A625752FEBC3}" dt="2024-11-26T15:24:10.745" v="1648" actId="478"/>
          <pc:sldLayoutMkLst>
            <pc:docMk/>
            <pc:sldMasterMk cId="3654526448" sldId="2147483736"/>
            <pc:sldLayoutMk cId="3150711916" sldId="2147483750"/>
          </pc:sldLayoutMkLst>
          <pc:spChg chg="del">
            <ac:chgData name="SIDES DURA Mario" userId="e156268f-f6e3-488f-b10a-01d630cdc77c" providerId="ADAL" clId="{2CE185B9-7483-4812-8348-A625752FEBC3}" dt="2024-11-26T13:41:14.964" v="412" actId="478"/>
            <ac:spMkLst>
              <pc:docMk/>
              <pc:sldMasterMk cId="3654526448" sldId="2147483736"/>
              <pc:sldLayoutMk cId="3150711916" sldId="2147483750"/>
              <ac:spMk id="6" creationId="{00000000-0000-0000-0000-000000000000}"/>
            </ac:spMkLst>
          </pc:spChg>
          <pc:spChg chg="del">
            <ac:chgData name="SIDES DURA Mario" userId="e156268f-f6e3-488f-b10a-01d630cdc77c" providerId="ADAL" clId="{2CE185B9-7483-4812-8348-A625752FEBC3}" dt="2024-11-26T13:41:15.989" v="413" actId="478"/>
            <ac:spMkLst>
              <pc:docMk/>
              <pc:sldMasterMk cId="3654526448" sldId="2147483736"/>
              <pc:sldLayoutMk cId="3150711916" sldId="2147483750"/>
              <ac:spMk id="7" creationId="{00000000-0000-0000-0000-000000000000}"/>
            </ac:spMkLst>
          </pc:spChg>
          <pc:picChg chg="del">
            <ac:chgData name="SIDES DURA Mario" userId="e156268f-f6e3-488f-b10a-01d630cdc77c" providerId="ADAL" clId="{2CE185B9-7483-4812-8348-A625752FEBC3}" dt="2024-11-26T15:24:10.745" v="1648" actId="478"/>
            <ac:picMkLst>
              <pc:docMk/>
              <pc:sldMasterMk cId="3654526448" sldId="2147483736"/>
              <pc:sldLayoutMk cId="3150711916" sldId="2147483750"/>
              <ac:picMk id="2" creationId="{00000000-0000-0000-0000-000000000000}"/>
            </ac:picMkLst>
          </pc:picChg>
        </pc:sldLayoutChg>
      </pc:sldMasterChg>
    </pc:docChg>
  </pc:docChgLst>
</pc:chgInfo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C631D74-66A8-4998-9C91-DF04F0E69699}" type="doc">
      <dgm:prSet loTypeId="urn:microsoft.com/office/officeart/2008/layout/RadialCluster" loCatId="cycle" qsTypeId="urn:microsoft.com/office/officeart/2005/8/quickstyle/simple1" qsCatId="simple" csTypeId="urn:microsoft.com/office/officeart/2005/8/colors/accent0_3" csCatId="mainScheme" phldr="1"/>
      <dgm:spPr/>
      <dgm:t>
        <a:bodyPr/>
        <a:lstStyle/>
        <a:p>
          <a:endParaRPr lang="fr-CH"/>
        </a:p>
      </dgm:t>
    </dgm:pt>
    <dgm:pt modelId="{9359A84C-1AFE-4E14-8D5E-0C7AB7450855}">
      <dgm:prSet phldrT="[Text]" custT="1"/>
      <dgm:spPr>
        <a:solidFill>
          <a:srgbClr val="001436"/>
        </a:solidFill>
      </dgm:spPr>
      <dgm:t>
        <a:bodyPr/>
        <a:lstStyle/>
        <a:p>
          <a:r>
            <a:rPr lang="en-US" sz="4000" b="1"/>
            <a:t>Mission Driven</a:t>
          </a:r>
          <a:endParaRPr lang="fr-CH" sz="4000" b="1"/>
        </a:p>
      </dgm:t>
    </dgm:pt>
    <dgm:pt modelId="{9C46D4DD-2FDD-435E-9EA0-8B43099AF7A1}" type="parTrans" cxnId="{959DC9C8-E15F-418C-B63C-AB4AD8CF4F07}">
      <dgm:prSet/>
      <dgm:spPr/>
      <dgm:t>
        <a:bodyPr/>
        <a:lstStyle/>
        <a:p>
          <a:endParaRPr lang="fr-CH"/>
        </a:p>
      </dgm:t>
    </dgm:pt>
    <dgm:pt modelId="{AF0AFB98-C085-4E92-A728-A030C50E610D}" type="sibTrans" cxnId="{959DC9C8-E15F-418C-B63C-AB4AD8CF4F07}">
      <dgm:prSet/>
      <dgm:spPr/>
      <dgm:t>
        <a:bodyPr/>
        <a:lstStyle/>
        <a:p>
          <a:endParaRPr lang="fr-CH"/>
        </a:p>
      </dgm:t>
    </dgm:pt>
    <dgm:pt modelId="{540330BE-802D-4D42-BCBC-5B7A5DFE6B76}">
      <dgm:prSet phldrT="[Text]" custT="1"/>
      <dgm:spPr>
        <a:solidFill>
          <a:schemeClr val="bg2">
            <a:lumMod val="20000"/>
            <a:lumOff val="80000"/>
          </a:schemeClr>
        </a:solidFill>
      </dgm:spPr>
      <dgm:t>
        <a:bodyPr/>
        <a:lstStyle/>
        <a:p>
          <a:pPr>
            <a:buFont typeface="Wingdings" panose="05000000000000000000" pitchFamily="2" charset="2"/>
            <a:buChar char="§"/>
          </a:pPr>
          <a:r>
            <a:rPr lang="en-US" sz="3200" b="1" dirty="0">
              <a:solidFill>
                <a:schemeClr val="tx1"/>
              </a:solidFill>
            </a:rPr>
            <a:t>Empowerment and accountability</a:t>
          </a:r>
          <a:endParaRPr lang="fr-CH" sz="3200" b="1" dirty="0">
            <a:solidFill>
              <a:schemeClr val="tx1"/>
            </a:solidFill>
          </a:endParaRPr>
        </a:p>
      </dgm:t>
    </dgm:pt>
    <dgm:pt modelId="{AEE6003F-2E26-40E9-B75E-3144738C7D68}" type="parTrans" cxnId="{0AFC3C21-0249-40CC-B3F7-225F8AF54BD4}">
      <dgm:prSet/>
      <dgm:spPr/>
      <dgm:t>
        <a:bodyPr/>
        <a:lstStyle/>
        <a:p>
          <a:endParaRPr lang="fr-CH"/>
        </a:p>
      </dgm:t>
    </dgm:pt>
    <dgm:pt modelId="{D04E0371-4CC9-46D9-ADF7-FF0988DB9276}" type="sibTrans" cxnId="{0AFC3C21-0249-40CC-B3F7-225F8AF54BD4}">
      <dgm:prSet/>
      <dgm:spPr/>
      <dgm:t>
        <a:bodyPr/>
        <a:lstStyle/>
        <a:p>
          <a:endParaRPr lang="fr-CH"/>
        </a:p>
      </dgm:t>
    </dgm:pt>
    <dgm:pt modelId="{23176350-E133-472D-9CB6-0E7041E5AB8B}">
      <dgm:prSet phldrT="[Text]" custT="1"/>
      <dgm:spPr>
        <a:solidFill>
          <a:schemeClr val="bg2">
            <a:lumMod val="20000"/>
            <a:lumOff val="80000"/>
          </a:schemeClr>
        </a:solidFill>
      </dgm:spPr>
      <dgm:t>
        <a:bodyPr/>
        <a:lstStyle/>
        <a:p>
          <a:pPr>
            <a:buFont typeface="Wingdings" panose="05000000000000000000" pitchFamily="2" charset="2"/>
            <a:buChar char="§"/>
          </a:pPr>
          <a:r>
            <a:rPr lang="en-US" sz="3200" b="1" dirty="0">
              <a:solidFill>
                <a:schemeClr val="tx1"/>
              </a:solidFill>
            </a:rPr>
            <a:t>Leaders and ambassadors</a:t>
          </a:r>
          <a:endParaRPr lang="fr-CH" sz="3200" b="1" dirty="0">
            <a:solidFill>
              <a:schemeClr val="tx1"/>
            </a:solidFill>
          </a:endParaRPr>
        </a:p>
      </dgm:t>
    </dgm:pt>
    <dgm:pt modelId="{9615C7D9-60B7-405F-BC60-E8A765517BD3}" type="parTrans" cxnId="{E92FC884-0BC2-4968-BFDC-0E9FCDC74DD9}">
      <dgm:prSet/>
      <dgm:spPr/>
      <dgm:t>
        <a:bodyPr/>
        <a:lstStyle/>
        <a:p>
          <a:endParaRPr lang="fr-CH"/>
        </a:p>
      </dgm:t>
    </dgm:pt>
    <dgm:pt modelId="{4EE58B34-CD6B-4A1F-B24F-3E5714F5421E}" type="sibTrans" cxnId="{E92FC884-0BC2-4968-BFDC-0E9FCDC74DD9}">
      <dgm:prSet/>
      <dgm:spPr/>
      <dgm:t>
        <a:bodyPr/>
        <a:lstStyle/>
        <a:p>
          <a:endParaRPr lang="fr-CH"/>
        </a:p>
      </dgm:t>
    </dgm:pt>
    <dgm:pt modelId="{F33D6396-282A-48DA-A591-6B7AE7B4F2A1}">
      <dgm:prSet phldrT="[Text]" custT="1"/>
      <dgm:spPr>
        <a:solidFill>
          <a:schemeClr val="bg2">
            <a:lumMod val="20000"/>
            <a:lumOff val="80000"/>
          </a:schemeClr>
        </a:solidFill>
      </dgm:spPr>
      <dgm:t>
        <a:bodyPr/>
        <a:lstStyle/>
        <a:p>
          <a:pPr>
            <a:buFont typeface="Wingdings" panose="05000000000000000000" pitchFamily="2" charset="2"/>
            <a:buChar char="§"/>
          </a:pPr>
          <a:r>
            <a:rPr lang="en-US" sz="3200" b="1">
              <a:solidFill>
                <a:schemeClr val="tx1"/>
              </a:solidFill>
            </a:rPr>
            <a:t>Communication</a:t>
          </a:r>
          <a:endParaRPr lang="fr-CH" sz="3200" b="1">
            <a:solidFill>
              <a:schemeClr val="tx1"/>
            </a:solidFill>
          </a:endParaRPr>
        </a:p>
      </dgm:t>
    </dgm:pt>
    <dgm:pt modelId="{5A4C9446-CF06-40A8-888F-31D195531074}" type="parTrans" cxnId="{EC12364D-A6BC-4ACB-87CD-FBA727A537EA}">
      <dgm:prSet/>
      <dgm:spPr/>
      <dgm:t>
        <a:bodyPr/>
        <a:lstStyle/>
        <a:p>
          <a:endParaRPr lang="fr-CH"/>
        </a:p>
      </dgm:t>
    </dgm:pt>
    <dgm:pt modelId="{06785155-8DAB-42A1-A2C4-B253BF8D3D4B}" type="sibTrans" cxnId="{EC12364D-A6BC-4ACB-87CD-FBA727A537EA}">
      <dgm:prSet/>
      <dgm:spPr/>
      <dgm:t>
        <a:bodyPr/>
        <a:lstStyle/>
        <a:p>
          <a:endParaRPr lang="fr-CH"/>
        </a:p>
      </dgm:t>
    </dgm:pt>
    <dgm:pt modelId="{7E1FD921-3BC2-49FC-A18C-FE0A00F47809}">
      <dgm:prSet phldrT="[Text]" custT="1"/>
      <dgm:spPr>
        <a:solidFill>
          <a:schemeClr val="bg2">
            <a:lumMod val="20000"/>
            <a:lumOff val="80000"/>
          </a:schemeClr>
        </a:solidFill>
      </dgm:spPr>
      <dgm:t>
        <a:bodyPr/>
        <a:lstStyle/>
        <a:p>
          <a:pPr>
            <a:buFont typeface="Wingdings" panose="05000000000000000000" pitchFamily="2" charset="2"/>
            <a:buChar char="§"/>
          </a:pPr>
          <a:r>
            <a:rPr lang="en-US" sz="3200" b="1">
              <a:solidFill>
                <a:schemeClr val="tx1"/>
              </a:solidFill>
            </a:rPr>
            <a:t>Collaborative &amp; inclusive mindset</a:t>
          </a:r>
          <a:endParaRPr lang="fr-CH" sz="3200" b="1" dirty="0">
            <a:solidFill>
              <a:schemeClr val="tx1"/>
            </a:solidFill>
          </a:endParaRPr>
        </a:p>
      </dgm:t>
    </dgm:pt>
    <dgm:pt modelId="{D7EE39D9-1D99-45B5-868E-513A91641C3C}" type="parTrans" cxnId="{62F12B9C-59CB-4FB0-9CA6-E2C2B5B36A44}">
      <dgm:prSet/>
      <dgm:spPr/>
      <dgm:t>
        <a:bodyPr/>
        <a:lstStyle/>
        <a:p>
          <a:endParaRPr lang="fr-CH"/>
        </a:p>
      </dgm:t>
    </dgm:pt>
    <dgm:pt modelId="{191FF592-8208-4DBB-9E00-C525280532A8}" type="sibTrans" cxnId="{62F12B9C-59CB-4FB0-9CA6-E2C2B5B36A44}">
      <dgm:prSet/>
      <dgm:spPr/>
      <dgm:t>
        <a:bodyPr/>
        <a:lstStyle/>
        <a:p>
          <a:endParaRPr lang="fr-CH"/>
        </a:p>
      </dgm:t>
    </dgm:pt>
    <dgm:pt modelId="{39AE666B-6C04-486C-9FAC-C26915F8560A}" type="pres">
      <dgm:prSet presAssocID="{AC631D74-66A8-4998-9C91-DF04F0E69699}" presName="Name0" presStyleCnt="0">
        <dgm:presLayoutVars>
          <dgm:chMax val="1"/>
          <dgm:chPref val="1"/>
          <dgm:dir/>
          <dgm:animOne val="branch"/>
          <dgm:animLvl val="lvl"/>
        </dgm:presLayoutVars>
      </dgm:prSet>
      <dgm:spPr/>
    </dgm:pt>
    <dgm:pt modelId="{32F197CB-2CDD-47FF-B631-A6A78FA3B9A1}" type="pres">
      <dgm:prSet presAssocID="{9359A84C-1AFE-4E14-8D5E-0C7AB7450855}" presName="singleCycle" presStyleCnt="0"/>
      <dgm:spPr/>
    </dgm:pt>
    <dgm:pt modelId="{A7110CBA-0536-4F90-8FF4-31C7DA40ECCB}" type="pres">
      <dgm:prSet presAssocID="{9359A84C-1AFE-4E14-8D5E-0C7AB7450855}" presName="singleCenter" presStyleLbl="node1" presStyleIdx="0" presStyleCnt="5" custScaleX="119234" custScaleY="107798">
        <dgm:presLayoutVars>
          <dgm:chMax val="7"/>
          <dgm:chPref val="7"/>
        </dgm:presLayoutVars>
      </dgm:prSet>
      <dgm:spPr/>
    </dgm:pt>
    <dgm:pt modelId="{B6F70E3A-A8F2-4D82-973C-115B21598A0B}" type="pres">
      <dgm:prSet presAssocID="{AEE6003F-2E26-40E9-B75E-3144738C7D68}" presName="Name56" presStyleLbl="parChTrans1D2" presStyleIdx="0" presStyleCnt="4"/>
      <dgm:spPr/>
    </dgm:pt>
    <dgm:pt modelId="{B0F02FC8-FC95-4671-BE88-EBF07ED75166}" type="pres">
      <dgm:prSet presAssocID="{540330BE-802D-4D42-BCBC-5B7A5DFE6B76}" presName="text0" presStyleLbl="node1" presStyleIdx="1" presStyleCnt="5" custScaleX="221690" custScaleY="125291">
        <dgm:presLayoutVars>
          <dgm:bulletEnabled val="1"/>
        </dgm:presLayoutVars>
      </dgm:prSet>
      <dgm:spPr/>
    </dgm:pt>
    <dgm:pt modelId="{131669A8-7FAD-401B-9769-78F868B5C112}" type="pres">
      <dgm:prSet presAssocID="{9615C7D9-60B7-405F-BC60-E8A765517BD3}" presName="Name56" presStyleLbl="parChTrans1D2" presStyleIdx="1" presStyleCnt="4"/>
      <dgm:spPr/>
    </dgm:pt>
    <dgm:pt modelId="{F630155B-52F3-4440-852E-78C532884C6E}" type="pres">
      <dgm:prSet presAssocID="{23176350-E133-472D-9CB6-0E7041E5AB8B}" presName="text0" presStyleLbl="node1" presStyleIdx="2" presStyleCnt="5" custScaleX="221690" custScaleY="125291" custRadScaleRad="128610" custRadScaleInc="-545">
        <dgm:presLayoutVars>
          <dgm:bulletEnabled val="1"/>
        </dgm:presLayoutVars>
      </dgm:prSet>
      <dgm:spPr/>
    </dgm:pt>
    <dgm:pt modelId="{CD71D872-301B-4189-A734-AF9041BA3708}" type="pres">
      <dgm:prSet presAssocID="{5A4C9446-CF06-40A8-888F-31D195531074}" presName="Name56" presStyleLbl="parChTrans1D2" presStyleIdx="2" presStyleCnt="4"/>
      <dgm:spPr/>
    </dgm:pt>
    <dgm:pt modelId="{75162991-7656-4C9F-B12E-299513275BB0}" type="pres">
      <dgm:prSet presAssocID="{F33D6396-282A-48DA-A591-6B7AE7B4F2A1}" presName="text0" presStyleLbl="node1" presStyleIdx="3" presStyleCnt="5" custScaleX="221690" custScaleY="125291" custRadScaleRad="94498">
        <dgm:presLayoutVars>
          <dgm:bulletEnabled val="1"/>
        </dgm:presLayoutVars>
      </dgm:prSet>
      <dgm:spPr/>
    </dgm:pt>
    <dgm:pt modelId="{B1E669C8-5C63-401D-9353-6DA147092E68}" type="pres">
      <dgm:prSet presAssocID="{D7EE39D9-1D99-45B5-868E-513A91641C3C}" presName="Name56" presStyleLbl="parChTrans1D2" presStyleIdx="3" presStyleCnt="4"/>
      <dgm:spPr/>
    </dgm:pt>
    <dgm:pt modelId="{F0C6E3FF-F44C-4004-B667-CE3977F51EB7}" type="pres">
      <dgm:prSet presAssocID="{7E1FD921-3BC2-49FC-A18C-FE0A00F47809}" presName="text0" presStyleLbl="node1" presStyleIdx="4" presStyleCnt="5" custScaleX="243933" custScaleY="125291" custRadScaleRad="133011" custRadScaleInc="527">
        <dgm:presLayoutVars>
          <dgm:bulletEnabled val="1"/>
        </dgm:presLayoutVars>
      </dgm:prSet>
      <dgm:spPr/>
    </dgm:pt>
  </dgm:ptLst>
  <dgm:cxnLst>
    <dgm:cxn modelId="{B5847A0B-F941-4400-A7A0-6B7CEBA62EBD}" type="presOf" srcId="{7E1FD921-3BC2-49FC-A18C-FE0A00F47809}" destId="{F0C6E3FF-F44C-4004-B667-CE3977F51EB7}" srcOrd="0" destOrd="0" presId="urn:microsoft.com/office/officeart/2008/layout/RadialCluster"/>
    <dgm:cxn modelId="{41204917-73CD-43E8-8420-484764166BFD}" type="presOf" srcId="{9359A84C-1AFE-4E14-8D5E-0C7AB7450855}" destId="{A7110CBA-0536-4F90-8FF4-31C7DA40ECCB}" srcOrd="0" destOrd="0" presId="urn:microsoft.com/office/officeart/2008/layout/RadialCluster"/>
    <dgm:cxn modelId="{0AFC3C21-0249-40CC-B3F7-225F8AF54BD4}" srcId="{9359A84C-1AFE-4E14-8D5E-0C7AB7450855}" destId="{540330BE-802D-4D42-BCBC-5B7A5DFE6B76}" srcOrd="0" destOrd="0" parTransId="{AEE6003F-2E26-40E9-B75E-3144738C7D68}" sibTransId="{D04E0371-4CC9-46D9-ADF7-FF0988DB9276}"/>
    <dgm:cxn modelId="{7417C72E-1C50-47C4-BCC9-F89DE3B7A772}" type="presOf" srcId="{AC631D74-66A8-4998-9C91-DF04F0E69699}" destId="{39AE666B-6C04-486C-9FAC-C26915F8560A}" srcOrd="0" destOrd="0" presId="urn:microsoft.com/office/officeart/2008/layout/RadialCluster"/>
    <dgm:cxn modelId="{5829065C-992E-44C3-AD5D-615736E0D95F}" type="presOf" srcId="{5A4C9446-CF06-40A8-888F-31D195531074}" destId="{CD71D872-301B-4189-A734-AF9041BA3708}" srcOrd="0" destOrd="0" presId="urn:microsoft.com/office/officeart/2008/layout/RadialCluster"/>
    <dgm:cxn modelId="{A1272E42-4315-4BB1-91DD-CFB75CC106BA}" type="presOf" srcId="{540330BE-802D-4D42-BCBC-5B7A5DFE6B76}" destId="{B0F02FC8-FC95-4671-BE88-EBF07ED75166}" srcOrd="0" destOrd="0" presId="urn:microsoft.com/office/officeart/2008/layout/RadialCluster"/>
    <dgm:cxn modelId="{05C0704C-EBE1-4593-AF21-1EF161001BC4}" type="presOf" srcId="{23176350-E133-472D-9CB6-0E7041E5AB8B}" destId="{F630155B-52F3-4440-852E-78C532884C6E}" srcOrd="0" destOrd="0" presId="urn:microsoft.com/office/officeart/2008/layout/RadialCluster"/>
    <dgm:cxn modelId="{EC12364D-A6BC-4ACB-87CD-FBA727A537EA}" srcId="{9359A84C-1AFE-4E14-8D5E-0C7AB7450855}" destId="{F33D6396-282A-48DA-A591-6B7AE7B4F2A1}" srcOrd="2" destOrd="0" parTransId="{5A4C9446-CF06-40A8-888F-31D195531074}" sibTransId="{06785155-8DAB-42A1-A2C4-B253BF8D3D4B}"/>
    <dgm:cxn modelId="{E92FC884-0BC2-4968-BFDC-0E9FCDC74DD9}" srcId="{9359A84C-1AFE-4E14-8D5E-0C7AB7450855}" destId="{23176350-E133-472D-9CB6-0E7041E5AB8B}" srcOrd="1" destOrd="0" parTransId="{9615C7D9-60B7-405F-BC60-E8A765517BD3}" sibTransId="{4EE58B34-CD6B-4A1F-B24F-3E5714F5421E}"/>
    <dgm:cxn modelId="{62F12B9C-59CB-4FB0-9CA6-E2C2B5B36A44}" srcId="{9359A84C-1AFE-4E14-8D5E-0C7AB7450855}" destId="{7E1FD921-3BC2-49FC-A18C-FE0A00F47809}" srcOrd="3" destOrd="0" parTransId="{D7EE39D9-1D99-45B5-868E-513A91641C3C}" sibTransId="{191FF592-8208-4DBB-9E00-C525280532A8}"/>
    <dgm:cxn modelId="{CFFC249F-DB0F-4233-BA47-91DCE7213368}" type="presOf" srcId="{9615C7D9-60B7-405F-BC60-E8A765517BD3}" destId="{131669A8-7FAD-401B-9769-78F868B5C112}" srcOrd="0" destOrd="0" presId="urn:microsoft.com/office/officeart/2008/layout/RadialCluster"/>
    <dgm:cxn modelId="{646ED8AA-1432-40A0-BF30-D8F0DE8B810E}" type="presOf" srcId="{F33D6396-282A-48DA-A591-6B7AE7B4F2A1}" destId="{75162991-7656-4C9F-B12E-299513275BB0}" srcOrd="0" destOrd="0" presId="urn:microsoft.com/office/officeart/2008/layout/RadialCluster"/>
    <dgm:cxn modelId="{8F0545B0-DAB6-4EF6-A9AB-62DF8788218F}" type="presOf" srcId="{AEE6003F-2E26-40E9-B75E-3144738C7D68}" destId="{B6F70E3A-A8F2-4D82-973C-115B21598A0B}" srcOrd="0" destOrd="0" presId="urn:microsoft.com/office/officeart/2008/layout/RadialCluster"/>
    <dgm:cxn modelId="{959DC9C8-E15F-418C-B63C-AB4AD8CF4F07}" srcId="{AC631D74-66A8-4998-9C91-DF04F0E69699}" destId="{9359A84C-1AFE-4E14-8D5E-0C7AB7450855}" srcOrd="0" destOrd="0" parTransId="{9C46D4DD-2FDD-435E-9EA0-8B43099AF7A1}" sibTransId="{AF0AFB98-C085-4E92-A728-A030C50E610D}"/>
    <dgm:cxn modelId="{A04FBDF8-0118-4E81-83A5-DC7B83570AD2}" type="presOf" srcId="{D7EE39D9-1D99-45B5-868E-513A91641C3C}" destId="{B1E669C8-5C63-401D-9353-6DA147092E68}" srcOrd="0" destOrd="0" presId="urn:microsoft.com/office/officeart/2008/layout/RadialCluster"/>
    <dgm:cxn modelId="{C20DF7AC-4C40-4913-A82C-EE2CF1A8A3C5}" type="presParOf" srcId="{39AE666B-6C04-486C-9FAC-C26915F8560A}" destId="{32F197CB-2CDD-47FF-B631-A6A78FA3B9A1}" srcOrd="0" destOrd="0" presId="urn:microsoft.com/office/officeart/2008/layout/RadialCluster"/>
    <dgm:cxn modelId="{A6B3F8A9-E5A8-4C9E-AEF3-D94DD3801FC6}" type="presParOf" srcId="{32F197CB-2CDD-47FF-B631-A6A78FA3B9A1}" destId="{A7110CBA-0536-4F90-8FF4-31C7DA40ECCB}" srcOrd="0" destOrd="0" presId="urn:microsoft.com/office/officeart/2008/layout/RadialCluster"/>
    <dgm:cxn modelId="{8BBE29D0-F844-451A-ACD6-3239320F9580}" type="presParOf" srcId="{32F197CB-2CDD-47FF-B631-A6A78FA3B9A1}" destId="{B6F70E3A-A8F2-4D82-973C-115B21598A0B}" srcOrd="1" destOrd="0" presId="urn:microsoft.com/office/officeart/2008/layout/RadialCluster"/>
    <dgm:cxn modelId="{A23B0B3B-6F78-45C0-BCEB-3792A975376F}" type="presParOf" srcId="{32F197CB-2CDD-47FF-B631-A6A78FA3B9A1}" destId="{B0F02FC8-FC95-4671-BE88-EBF07ED75166}" srcOrd="2" destOrd="0" presId="urn:microsoft.com/office/officeart/2008/layout/RadialCluster"/>
    <dgm:cxn modelId="{78794D4A-43BF-4D92-AC7E-A9B3C35D032C}" type="presParOf" srcId="{32F197CB-2CDD-47FF-B631-A6A78FA3B9A1}" destId="{131669A8-7FAD-401B-9769-78F868B5C112}" srcOrd="3" destOrd="0" presId="urn:microsoft.com/office/officeart/2008/layout/RadialCluster"/>
    <dgm:cxn modelId="{E5E0DE7B-5167-47B2-B3E3-35535E606EAB}" type="presParOf" srcId="{32F197CB-2CDD-47FF-B631-A6A78FA3B9A1}" destId="{F630155B-52F3-4440-852E-78C532884C6E}" srcOrd="4" destOrd="0" presId="urn:microsoft.com/office/officeart/2008/layout/RadialCluster"/>
    <dgm:cxn modelId="{253A265C-58C2-48D6-A2EE-4859CA520D1C}" type="presParOf" srcId="{32F197CB-2CDD-47FF-B631-A6A78FA3B9A1}" destId="{CD71D872-301B-4189-A734-AF9041BA3708}" srcOrd="5" destOrd="0" presId="urn:microsoft.com/office/officeart/2008/layout/RadialCluster"/>
    <dgm:cxn modelId="{2F709F6F-D491-43BD-A81D-78FB5CE04101}" type="presParOf" srcId="{32F197CB-2CDD-47FF-B631-A6A78FA3B9A1}" destId="{75162991-7656-4C9F-B12E-299513275BB0}" srcOrd="6" destOrd="0" presId="urn:microsoft.com/office/officeart/2008/layout/RadialCluster"/>
    <dgm:cxn modelId="{21759EB8-9242-45AC-AFA0-BC4067F8E507}" type="presParOf" srcId="{32F197CB-2CDD-47FF-B631-A6A78FA3B9A1}" destId="{B1E669C8-5C63-401D-9353-6DA147092E68}" srcOrd="7" destOrd="0" presId="urn:microsoft.com/office/officeart/2008/layout/RadialCluster"/>
    <dgm:cxn modelId="{E3B731C9-F653-4310-903A-C9918A5CE19A}" type="presParOf" srcId="{32F197CB-2CDD-47FF-B631-A6A78FA3B9A1}" destId="{F0C6E3FF-F44C-4004-B667-CE3977F51EB7}" srcOrd="8" destOrd="0" presId="urn:microsoft.com/office/officeart/2008/layout/RadialCluster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A7110CBA-0536-4F90-8FF4-31C7DA40ECCB}">
      <dsp:nvSpPr>
        <dsp:cNvPr id="0" name=""/>
        <dsp:cNvSpPr/>
      </dsp:nvSpPr>
      <dsp:spPr>
        <a:xfrm>
          <a:off x="7680631" y="2815509"/>
          <a:ext cx="2976957" cy="2691430"/>
        </a:xfrm>
        <a:prstGeom prst="roundRect">
          <a:avLst/>
        </a:prstGeom>
        <a:solidFill>
          <a:srgbClr val="001436"/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1600" tIns="101600" rIns="101600" bIns="101600" numCol="1" spcCol="1270" anchor="ctr" anchorCtr="0">
          <a:noAutofit/>
        </a:bodyPr>
        <a:lstStyle/>
        <a:p>
          <a:pPr marL="0" lvl="0" indent="0" algn="ctr" defTabSz="1778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4000" b="1" kern="1200"/>
            <a:t>Mission Driven</a:t>
          </a:r>
          <a:endParaRPr lang="fr-CH" sz="4000" b="1" kern="1200"/>
        </a:p>
      </dsp:txBody>
      <dsp:txXfrm>
        <a:off x="7812016" y="2946894"/>
        <a:ext cx="2714187" cy="2428660"/>
      </dsp:txXfrm>
    </dsp:sp>
    <dsp:sp modelId="{B6F70E3A-A8F2-4D82-973C-115B21598A0B}">
      <dsp:nvSpPr>
        <dsp:cNvPr id="0" name=""/>
        <dsp:cNvSpPr/>
      </dsp:nvSpPr>
      <dsp:spPr>
        <a:xfrm rot="16200000">
          <a:off x="8703887" y="2350286"/>
          <a:ext cx="930446" cy="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930446" y="0"/>
              </a:lnTo>
            </a:path>
          </a:pathLst>
        </a:custGeom>
        <a:noFill/>
        <a:ln w="25400" cap="flat" cmpd="sng" algn="ctr">
          <a:solidFill>
            <a:schemeClr val="dk2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0F02FC8-FC95-4671-BE88-EBF07ED75166}">
      <dsp:nvSpPr>
        <dsp:cNvPr id="0" name=""/>
        <dsp:cNvSpPr/>
      </dsp:nvSpPr>
      <dsp:spPr>
        <a:xfrm>
          <a:off x="7314881" y="-210820"/>
          <a:ext cx="3708457" cy="2095883"/>
        </a:xfrm>
        <a:prstGeom prst="roundRect">
          <a:avLst/>
        </a:prstGeom>
        <a:solidFill>
          <a:schemeClr val="bg2">
            <a:lumMod val="20000"/>
            <a:lumOff val="8000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1280" tIns="81280" rIns="81280" bIns="8128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3200" b="1" kern="1200" dirty="0">
              <a:solidFill>
                <a:schemeClr val="tx1"/>
              </a:solidFill>
            </a:rPr>
            <a:t>Empowerment and accountability</a:t>
          </a:r>
          <a:endParaRPr lang="fr-CH" sz="3200" b="1" kern="1200" dirty="0">
            <a:solidFill>
              <a:schemeClr val="tx1"/>
            </a:solidFill>
          </a:endParaRPr>
        </a:p>
      </dsp:txBody>
      <dsp:txXfrm>
        <a:off x="7417194" y="-108507"/>
        <a:ext cx="3503831" cy="1891257"/>
      </dsp:txXfrm>
    </dsp:sp>
    <dsp:sp modelId="{131669A8-7FAD-401B-9769-78F868B5C112}">
      <dsp:nvSpPr>
        <dsp:cNvPr id="0" name=""/>
        <dsp:cNvSpPr/>
      </dsp:nvSpPr>
      <dsp:spPr>
        <a:xfrm rot="21585285">
          <a:off x="10657584" y="4152858"/>
          <a:ext cx="932391" cy="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932391" y="0"/>
              </a:lnTo>
            </a:path>
          </a:pathLst>
        </a:custGeom>
        <a:noFill/>
        <a:ln w="25400" cap="flat" cmpd="sng" algn="ctr">
          <a:solidFill>
            <a:schemeClr val="dk2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630155B-52F3-4440-852E-78C532884C6E}">
      <dsp:nvSpPr>
        <dsp:cNvPr id="0" name=""/>
        <dsp:cNvSpPr/>
      </dsp:nvSpPr>
      <dsp:spPr>
        <a:xfrm>
          <a:off x="11589971" y="3094983"/>
          <a:ext cx="3708457" cy="2095883"/>
        </a:xfrm>
        <a:prstGeom prst="roundRect">
          <a:avLst/>
        </a:prstGeom>
        <a:solidFill>
          <a:schemeClr val="bg2">
            <a:lumMod val="20000"/>
            <a:lumOff val="8000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1280" tIns="81280" rIns="81280" bIns="8128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3200" b="1" kern="1200" dirty="0">
              <a:solidFill>
                <a:schemeClr val="tx1"/>
              </a:solidFill>
            </a:rPr>
            <a:t>Leaders and ambassadors</a:t>
          </a:r>
          <a:endParaRPr lang="fr-CH" sz="3200" b="1" kern="1200" dirty="0">
            <a:solidFill>
              <a:schemeClr val="tx1"/>
            </a:solidFill>
          </a:endParaRPr>
        </a:p>
      </dsp:txBody>
      <dsp:txXfrm>
        <a:off x="11692284" y="3197296"/>
        <a:ext cx="3503831" cy="1891257"/>
      </dsp:txXfrm>
    </dsp:sp>
    <dsp:sp modelId="{CD71D872-301B-4189-A734-AF9041BA3708}">
      <dsp:nvSpPr>
        <dsp:cNvPr id="0" name=""/>
        <dsp:cNvSpPr/>
      </dsp:nvSpPr>
      <dsp:spPr>
        <a:xfrm rot="5400000">
          <a:off x="8795333" y="5880717"/>
          <a:ext cx="747554" cy="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747554" y="0"/>
              </a:lnTo>
            </a:path>
          </a:pathLst>
        </a:custGeom>
        <a:noFill/>
        <a:ln w="25400" cap="flat" cmpd="sng" algn="ctr">
          <a:solidFill>
            <a:schemeClr val="dk2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5162991-7656-4C9F-B12E-299513275BB0}">
      <dsp:nvSpPr>
        <dsp:cNvPr id="0" name=""/>
        <dsp:cNvSpPr/>
      </dsp:nvSpPr>
      <dsp:spPr>
        <a:xfrm>
          <a:off x="7314881" y="6254494"/>
          <a:ext cx="3708457" cy="2095883"/>
        </a:xfrm>
        <a:prstGeom prst="roundRect">
          <a:avLst/>
        </a:prstGeom>
        <a:solidFill>
          <a:schemeClr val="bg2">
            <a:lumMod val="20000"/>
            <a:lumOff val="8000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1280" tIns="81280" rIns="81280" bIns="8128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3200" b="1" kern="1200">
              <a:solidFill>
                <a:schemeClr val="tx1"/>
              </a:solidFill>
            </a:rPr>
            <a:t>Communication</a:t>
          </a:r>
          <a:endParaRPr lang="fr-CH" sz="3200" b="1" kern="1200">
            <a:solidFill>
              <a:schemeClr val="tx1"/>
            </a:solidFill>
          </a:endParaRPr>
        </a:p>
      </dsp:txBody>
      <dsp:txXfrm>
        <a:off x="7417194" y="6356807"/>
        <a:ext cx="3503831" cy="1891257"/>
      </dsp:txXfrm>
    </dsp:sp>
    <dsp:sp modelId="{B1E669C8-5C63-401D-9353-6DA147092E68}">
      <dsp:nvSpPr>
        <dsp:cNvPr id="0" name=""/>
        <dsp:cNvSpPr/>
      </dsp:nvSpPr>
      <dsp:spPr>
        <a:xfrm rot="10814229">
          <a:off x="6787991" y="4153216"/>
          <a:ext cx="892643" cy="0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892643" y="0"/>
              </a:lnTo>
            </a:path>
          </a:pathLst>
        </a:custGeom>
        <a:noFill/>
        <a:ln w="25400" cap="flat" cmpd="sng" algn="ctr">
          <a:solidFill>
            <a:schemeClr val="dk2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0C6E3FF-F44C-4004-B667-CE3977F51EB7}">
      <dsp:nvSpPr>
        <dsp:cNvPr id="0" name=""/>
        <dsp:cNvSpPr/>
      </dsp:nvSpPr>
      <dsp:spPr>
        <a:xfrm>
          <a:off x="2707454" y="3094982"/>
          <a:ext cx="4080541" cy="2095883"/>
        </a:xfrm>
        <a:prstGeom prst="roundRect">
          <a:avLst/>
        </a:prstGeom>
        <a:solidFill>
          <a:schemeClr val="bg2">
            <a:lumMod val="20000"/>
            <a:lumOff val="8000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1280" tIns="81280" rIns="81280" bIns="81280" numCol="1" spcCol="1270" anchor="ctr" anchorCtr="0">
          <a:noAutofit/>
        </a:bodyPr>
        <a:lstStyle/>
        <a:p>
          <a:pPr marL="0" lvl="0" indent="0" algn="ctr" defTabSz="14224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en-US" sz="3200" b="1" kern="1200">
              <a:solidFill>
                <a:schemeClr val="tx1"/>
              </a:solidFill>
            </a:rPr>
            <a:t>Collaborative &amp; inclusive mindset</a:t>
          </a:r>
          <a:endParaRPr lang="fr-CH" sz="3200" b="1" kern="1200" dirty="0">
            <a:solidFill>
              <a:schemeClr val="tx1"/>
            </a:solidFill>
          </a:endParaRPr>
        </a:p>
      </dsp:txBody>
      <dsp:txXfrm>
        <a:off x="2809767" y="3197295"/>
        <a:ext cx="3875915" cy="189125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RadialCluster">
  <dgm:title val=""/>
  <dgm:desc val=""/>
  <dgm:catLst>
    <dgm:cat type="relationship" pri="19500"/>
    <dgm:cat type="cycle" pri="1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Name0">
    <dgm:varLst>
      <dgm:chMax val="1"/>
      <dgm:chPref val="1"/>
      <dgm:dir/>
      <dgm:animOne val="branch"/>
      <dgm:animLvl val="lvl"/>
    </dgm:varLst>
    <dgm:alg type="composite">
      <dgm:param type="ar" val="1.00"/>
    </dgm:alg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 ch" ptType="node node" cnt="1 0" func="cnt" op="equ" val="1">
            <dgm:constrLst>
              <dgm:constr type="l" for="ch" forName="textCenter"/>
              <dgm:constr type="ctrY" for="ch" forName="textCenter" refType="h" fact="0.5"/>
              <dgm:constr type="w" for="ch" forName="textCenter" refType="w" fact="0.32"/>
              <dgm:constr type="h" for="ch" forName="textCenter" refType="w" refFor="ch" refForName="textCenter"/>
              <dgm:constr type="r" for="ch" forName="cycle_1" refType="w"/>
              <dgm:constr type="ctrY" for="ch" forName="cycle_1" refType="h" fact="0.5"/>
              <dgm:constr type="w" for="ch" forName="cycle_1" refType="w" fact="0.56"/>
              <dgm:constr type="h" for="ch" forName="cycle_1" refType="h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userS" for="des" ptType="node" refType="w" refFor="ch" refForName="textCenter" fact="0.67"/>
            </dgm:constrLst>
          </dgm:if>
          <dgm:if name="Name5" axis="ch ch" ptType="node node" cnt="1 0" func="cnt" op="equ" val="2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5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/>
              <dgm:constr type="h" for="ch" forName="cycle_1" refType="h" fact="0.34"/>
              <dgm:constr type="ctrX" for="ch" forName="cycle_2" refType="w" fact="0.5"/>
              <dgm:constr type="b" for="ch" forName="cycle_2" refType="h"/>
              <dgm:constr type="w" for="ch" forName="cycle_2" refType="w"/>
              <dgm:constr type="h" for="ch" forName="cycle_2" refType="h" fact="0.34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userS" for="des" ptType="node" refType="w" refFor="ch" refForName="textCenter" fact="0.67"/>
            </dgm:constrLst>
          </dgm:if>
          <dgm:if name="Name6" axis="ch ch" ptType="node node" cnt="1 0" func="cnt" op="equ" val="3">
            <dgm:choose name="Name7">
              <dgm:if name="Name8" axis="ch ch ch" ptType="node node node" st="1 2 0" cnt="1 1 0" func="cnt" op="equ" val="1">
                <dgm:choose name="Name9">
                  <dgm:if name="Name10" axis="ch ch ch" ptType="node node node" st="1 3 0" cnt="1 1 0" func="cnt" op="equ" val="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r" for="ch" forName="cycle_2" refType="w"/>
                      <dgm:constr type="b" for="ch" forName="cycle_2" refType="h" fact="0.85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l" for="ch" forName="cycle_3"/>
                      <dgm:constr type="b" for="ch" forName="cycle_3" refType="h" fact="0.85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if>
                  <dgm:else name="Name1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r" for="ch" forName="cycle_2" refType="w"/>
                      <dgm:constr type="b" for="ch" forName="cycle_2" refType="h" fact="0.85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l" for="ch" forName="cycle_3"/>
                      <dgm:constr type="b" for="ch" forName="cycle_3" refType="h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else>
                </dgm:choose>
              </dgm:if>
              <dgm:else name="Name12">
                <dgm:choose name="Name13">
                  <dgm:if name="Name14" axis="ch ch ch" ptType="node node node" st="1 3 0" cnt="1 1 0" func="cnt" op="equ" val="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r" for="ch" forName="cycle_2" refType="w"/>
                      <dgm:constr type="b" for="ch" forName="cycle_2" refType="h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l" for="ch" forName="cycle_3"/>
                      <dgm:constr type="b" for="ch" forName="cycle_3" refType="h" fact="0.85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if>
                  <dgm:else name="Name15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r" for="ch" forName="cycle_2" refType="w"/>
                      <dgm:constr type="b" for="ch" forName="cycle_2" refType="h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l" for="ch" forName="cycle_3"/>
                      <dgm:constr type="b" for="ch" forName="cycle_3" refType="h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else>
                </dgm:choose>
              </dgm:else>
            </dgm:choose>
          </dgm:if>
          <dgm:if name="Name16" axis="ch ch" ptType="node node" cnt="1 0" func="cnt" op="equ" val="4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5"/>
              <dgm:constr type="h" for="ch" forName="cycle_1" refType="h" fact="0.33"/>
              <dgm:constr type="r" for="ch" forName="cycle_2" refType="w"/>
              <dgm:constr type="ctrY" for="ch" forName="cycle_2" refType="h" fact="0.5"/>
              <dgm:constr type="w" for="ch" forName="cycle_2" refType="w" fact="0.33"/>
              <dgm:constr type="h" for="ch" forName="cycle_2" refType="h" fact="0.5"/>
              <dgm:constr type="ctrX" for="ch" forName="cycle_3" refType="w" fact="0.5"/>
              <dgm:constr type="b" for="ch" forName="cycle_3" refType="h"/>
              <dgm:constr type="w" for="ch" forName="cycle_3" refType="w" fact="0.5"/>
              <dgm:constr type="h" for="ch" forName="cycle_3" refType="h" fact="0.33"/>
              <dgm:constr type="l" for="ch" forName="cycle_4"/>
              <dgm:constr type="ctrY" for="ch" forName="cycle_4" refType="h" fact="0.5"/>
              <dgm:constr type="w" for="ch" forName="cycle_4" refType="w" fact="0.33"/>
              <dgm:constr type="h" for="ch" forName="cycle_4" refType="h" fact="0.5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userS" for="des" ptType="node" refType="w" refFor="ch" refForName="textCenter" fact="0.67"/>
            </dgm:constrLst>
          </dgm:if>
          <dgm:if name="Name17" axis="ch ch" ptType="node node" cnt="1 0" func="cnt" op="equ" val="5">
            <dgm:constrLst>
              <dgm:constr type="ctrX" for="ch" forName="textCenter" refType="w" fact="0.5"/>
              <dgm:constr type="t" for="ch" forName="textCenter" refType="h" fact="0.42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33"/>
              <dgm:constr type="h" for="ch" forName="cycle_1" refType="w" refFor="ch" refForName="cycle_1"/>
              <dgm:constr type="r" for="ch" forName="cycle_2" refType="w"/>
              <dgm:constr type="t" for="ch" forName="cycle_2" refType="h" fact="0.24"/>
              <dgm:constr type="w" for="ch" forName="cycle_2" refType="w" fact="0.33"/>
              <dgm:constr type="h" for="ch" forName="cycle_2" refType="w" refFor="ch" refForName="cycle_2"/>
              <dgm:constr type="r" for="ch" forName="cycle_3" refType="w" fact="0.89"/>
              <dgm:constr type="b" for="ch" forName="cycle_3" refType="h"/>
              <dgm:constr type="w" for="ch" forName="cycle_3" refType="w" fact="0.33"/>
              <dgm:constr type="h" for="ch" forName="cycle_3" refType="w" refFor="ch" refForName="cycle_3"/>
              <dgm:constr type="l" for="ch" forName="cycle_4" refType="w" fact="0.11"/>
              <dgm:constr type="b" for="ch" forName="cycle_4" refType="h"/>
              <dgm:constr type="w" for="ch" forName="cycle_4" refType="w" fact="0.33"/>
              <dgm:constr type="h" for="ch" forName="cycle_4" refType="w" refFor="ch" refForName="cycle_4"/>
              <dgm:constr type="l" for="ch" forName="cycle_5"/>
              <dgm:constr type="t" for="ch" forName="cycle_5" refType="h" fact="0.24"/>
              <dgm:constr type="w" for="ch" forName="cycle_5" refType="w" fact="0.33"/>
              <dgm:constr type="h" for="ch" forName="cycle_5" refType="w" refFor="ch" refForName="cycle_5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userS" for="des" ptType="node" refType="w" refFor="ch" refForName="textCenter" fact="0.67"/>
            </dgm:constrLst>
          </dgm:if>
          <dgm:if name="Name18" axis="ch ch" ptType="node node" cnt="1 0" func="cnt" op="equ" val="6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33"/>
              <dgm:constr type="h" for="ch" forName="cycle_1" refType="w" refFor="ch" refForName="cycle_1"/>
              <dgm:constr type="r" for="ch" forName="cycle_2" refType="w"/>
              <dgm:constr type="t" for="ch" forName="cycle_2" refType="h" fact="0.17"/>
              <dgm:constr type="w" for="ch" forName="cycle_2" refType="w" fact="0.33"/>
              <dgm:constr type="h" for="ch" forName="cycle_2" refType="w" refFor="ch" refForName="cycle_2"/>
              <dgm:constr type="r" for="ch" forName="cycle_3" refType="w"/>
              <dgm:constr type="b" for="ch" forName="cycle_3" refType="h" fact="0.83"/>
              <dgm:constr type="w" for="ch" forName="cycle_3" refType="w" fact="0.33"/>
              <dgm:constr type="h" for="ch" forName="cycle_3" refType="w" refFor="ch" refForName="cycle_3"/>
              <dgm:constr type="ctrX" for="ch" forName="cycle_4" refType="w" fact="0.5"/>
              <dgm:constr type="b" for="ch" forName="cycle_4" refType="h"/>
              <dgm:constr type="w" for="ch" forName="cycle_4" refType="w" fact="0.33"/>
              <dgm:constr type="h" for="ch" forName="cycle_4" refType="w" refFor="ch" refForName="cycle_4"/>
              <dgm:constr type="l" for="ch" forName="cycle_5"/>
              <dgm:constr type="b" for="ch" forName="cycle_5" refType="h" fact="0.83"/>
              <dgm:constr type="w" for="ch" forName="cycle_5" refType="w" fact="0.33"/>
              <dgm:constr type="h" for="ch" forName="cycle_5" refType="w" refFor="ch" refForName="cycle_5"/>
              <dgm:constr type="l" for="ch" forName="cycle_6"/>
              <dgm:constr type="t" for="ch" forName="cycle_6" refType="h" fact="0.17"/>
              <dgm:constr type="w" for="ch" forName="cycle_6" refType="w" fact="0.33"/>
              <dgm:constr type="h" for="ch" forName="cycle_6" refType="w" refFor="ch" refForName="cycle_6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primFontSz" for="des" forName="childCenter6" refType="primFontSz" refFor="des" refForName="childCenter1" op="equ"/>
              <dgm:constr type="primFontSz" for="des" forName="text6" refType="primFontSz" refFor="des" refForName="text1" op="equ"/>
              <dgm:constr type="userS" for="des" ptType="node" refType="w" refFor="ch" refForName="textCenter" fact="0.67"/>
            </dgm:constrLst>
          </dgm:if>
          <dgm:else name="Name19">
            <dgm:constrLst>
              <dgm:constr type="ctrX" for="ch" forName="textCenter" refType="w" fact="0.5"/>
              <dgm:constr type="t" for="ch" forName="textCenter" refType="h" fact="0.444"/>
              <dgm:constr type="w" for="ch" forName="textCenter" refType="w" fact="0.167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263"/>
              <dgm:constr type="h" for="ch" forName="cycle_1" refType="w" refFor="ch" refForName="cycle_1"/>
              <dgm:constr type="r" for="ch" forName="cycle_2" refType="w" fact="0.938"/>
              <dgm:constr type="t" for="ch" forName="cycle_2" refType="h" fact="0.141"/>
              <dgm:constr type="w" for="ch" forName="cycle_2" refType="w" fact="0.263"/>
              <dgm:constr type="h" for="ch" forName="cycle_2" refType="w" refFor="ch" refForName="cycle_2"/>
              <dgm:constr type="r" for="ch" forName="cycle_3" refType="w"/>
              <dgm:constr type="b" for="ch" forName="cycle_3" refType="h" fact="0.74"/>
              <dgm:constr type="w" for="ch" forName="cycle_3" refType="w" fact="0.263"/>
              <dgm:constr type="h" for="ch" forName="cycle_3" refType="w" refFor="ch" refForName="cycle_3"/>
              <dgm:constr type="r" for="ch" forName="cycle_4" refType="w" fact="0.8"/>
              <dgm:constr type="b" for="ch" forName="cycle_4" refType="h"/>
              <dgm:constr type="w" for="ch" forName="cycle_4" refType="w" fact="0.263"/>
              <dgm:constr type="h" for="ch" forName="cycle_4" refType="w" refFor="ch" refForName="cycle_4"/>
              <dgm:constr type="l" for="ch" forName="cycle_5" refType="w" fact="0.2"/>
              <dgm:constr type="b" for="ch" forName="cycle_5" refType="h"/>
              <dgm:constr type="w" for="ch" forName="cycle_5" refType="w" fact="0.263"/>
              <dgm:constr type="h" for="ch" forName="cycle_5" refType="w" refFor="ch" refForName="cycle_5"/>
              <dgm:constr type="l" for="ch" forName="cycle_6"/>
              <dgm:constr type="b" for="ch" forName="cycle_6" refType="h" fact="0.74"/>
              <dgm:constr type="w" for="ch" forName="cycle_6" refType="w" fact="0.263"/>
              <dgm:constr type="h" for="ch" forName="cycle_6" refType="w" refFor="ch" refForName="cycle_6"/>
              <dgm:constr type="l" for="ch" forName="cycle_7" refType="w" fact="0.062"/>
              <dgm:constr type="t" for="ch" forName="cycle_7" refType="h" fact="0.141"/>
              <dgm:constr type="w" for="ch" forName="cycle_7" refType="w" fact="0.263"/>
              <dgm:constr type="h" for="ch" forName="cycle_7" refType="w" refFor="ch" refForName="cycle_7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primFontSz" for="des" forName="childCenter6" refType="primFontSz" refFor="des" refForName="childCenter1" op="equ"/>
              <dgm:constr type="primFontSz" for="des" forName="text6" refType="primFontSz" refFor="des" refForName="text1" op="equ"/>
              <dgm:constr type="primFontSz" for="des" forName="childCenter7" refType="primFontSz" refFor="des" refForName="childCenter1" op="equ"/>
              <dgm:constr type="primFontSz" for="des" forName="text7" refType="primFontSz" refFor="des" refForName="text1" op="equ"/>
              <dgm:constr type="userS" for="des" ptType="node" refType="w" refFor="ch" refForName="textCenter" fact="0.67"/>
            </dgm:constrLst>
          </dgm:else>
        </dgm:choose>
      </dgm:if>
      <dgm:else name="Name20">
        <dgm:choose name="Name21">
          <dgm:if name="Name22" axis="ch ch" ptType="node node" func="cnt" op="equ" val="1">
            <dgm:constrLst>
              <dgm:constr type="r" for="ch" forName="textCenter" refType="w"/>
              <dgm:constr type="ctrY" for="ch" forName="textCenter" refType="h" fact="0.5"/>
              <dgm:constr type="w" for="ch" forName="textCenter" refType="w" fact="0.32"/>
              <dgm:constr type="h" for="ch" forName="textCenter" refType="w" refFor="ch" refForName="textCenter"/>
              <dgm:constr type="l" for="ch" forName="cycle_1"/>
              <dgm:constr type="ctrY" for="ch" forName="cycle_1" refType="h" fact="0.5"/>
              <dgm:constr type="w" for="ch" forName="cycle_1" refType="w" fact="0.56"/>
              <dgm:constr type="h" for="ch" forName="cycle_1" refType="h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userS" for="des" ptType="node" refType="w" refFor="ch" refForName="textCenter" fact="0.67"/>
            </dgm:constrLst>
          </dgm:if>
          <dgm:if name="Name23" axis="ch ch" ptType="node node" func="cnt" op="equ" val="2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5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/>
              <dgm:constr type="h" for="ch" forName="cycle_1" refType="h" fact="0.34"/>
              <dgm:constr type="ctrX" for="ch" forName="cycle_2" refType="w" fact="0.5"/>
              <dgm:constr type="b" for="ch" forName="cycle_2" refType="h"/>
              <dgm:constr type="w" for="ch" forName="cycle_2" refType="w"/>
              <dgm:constr type="h" for="ch" forName="cycle_2" refType="h" fact="0.34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userS" for="des" ptType="node" refType="w" refFor="ch" refForName="textCenter" fact="0.67"/>
            </dgm:constrLst>
          </dgm:if>
          <dgm:if name="Name24" axis="ch ch" ptType="node node" func="cnt" op="equ" val="3">
            <dgm:choose name="Name25">
              <dgm:if name="Name26" axis="ch ch ch" ptType="node node node" st="1 2 0" cnt="1 1 0" func="cnt" op="equ" val="1">
                <dgm:choose name="Name27">
                  <dgm:if name="Name28" axis="ch ch ch" ptType="node node node" st="1 3 0" cnt="1 1 0" func="cnt" op="equ" val="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l" for="ch" forName="cycle_2"/>
                      <dgm:constr type="b" for="ch" forName="cycle_2" refType="h" fact="0.85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r" for="ch" forName="cycle_3" refType="w"/>
                      <dgm:constr type="b" for="ch" forName="cycle_3" refType="h" fact="0.85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if>
                  <dgm:else name="Name29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l" for="ch" forName="cycle_2"/>
                      <dgm:constr type="b" for="ch" forName="cycle_2" refType="h" fact="0.85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r" for="ch" forName="cycle_3" refType="w"/>
                      <dgm:constr type="b" for="ch" forName="cycle_3" refType="h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else>
                </dgm:choose>
              </dgm:if>
              <dgm:else name="Name30">
                <dgm:choose name="Name31">
                  <dgm:if name="Name32" axis="ch ch ch" ptType="node node node" st="1 3 0" cnt="1 1 0" func="cnt" op="equ" val="1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l" for="ch" forName="cycle_2"/>
                      <dgm:constr type="b" for="ch" forName="cycle_2" refType="h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r" for="ch" forName="cycle_3" refType="w"/>
                      <dgm:constr type="b" for="ch" forName="cycle_3" refType="h" fact="0.85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if>
                  <dgm:else name="Name33">
                    <dgm:constrLst>
                      <dgm:constr type="ctrX" for="ch" forName="textCenter" refType="w" fact="0.5"/>
                      <dgm:constr type="t" for="ch" forName="textCenter" refType="h" fact="0.436"/>
                      <dgm:constr type="w" for="ch" forName="textCenter" refType="w" fact="0.21"/>
                      <dgm:constr type="h" for="ch" forName="textCenter" refType="w" refFor="ch" refForName="textCenter"/>
                      <dgm:constr type="ctrX" for="ch" forName="cycle_1" refType="w" fact="0.5"/>
                      <dgm:constr type="t" for="ch" forName="cycle_1"/>
                      <dgm:constr type="w" for="ch" forName="cycle_1" refType="w" fact="0.61"/>
                      <dgm:constr type="h" for="ch" forName="cycle_1" refType="h" fact="0.36"/>
                      <dgm:constr type="diam" for="ch" forName="cycle_1" refType="w" fact="0.5"/>
                      <dgm:constr type="l" for="ch" forName="cycle_2"/>
                      <dgm:constr type="b" for="ch" forName="cycle_2" refType="h"/>
                      <dgm:constr type="w" for="ch" forName="cycle_2" refType="w" fact="0.46"/>
                      <dgm:constr type="h" for="ch" forName="cycle_2" refType="h" fact="0.54"/>
                      <dgm:constr type="diam" for="ch" forName="cycle_2" refType="w" fact="0.5"/>
                      <dgm:constr type="r" for="ch" forName="cycle_3" refType="w"/>
                      <dgm:constr type="b" for="ch" forName="cycle_3" refType="h"/>
                      <dgm:constr type="w" for="ch" forName="cycle_3" refType="w" fact="0.46"/>
                      <dgm:constr type="h" for="ch" forName="cycle_3" refType="h" fact="0.54"/>
                      <dgm:constr type="diam" for="ch" forName="cycle_3" refType="w" fact="0.5"/>
                      <dgm:constr type="primFontSz" for="ch" forName="textCenter" val="65"/>
                      <dgm:constr type="primFontSz" for="des" forName="childCenter1" val="65"/>
                      <dgm:constr type="primFontSz" for="des" forName="text1" op="equ" val="65"/>
                      <dgm:constr type="primFontSz" for="des" forName="childCenter2" refType="primFontSz" refFor="des" refForName="childCenter1" op="equ"/>
                      <dgm:constr type="primFontSz" for="des" forName="text2" refType="primFontSz" refFor="des" refForName="text1" op="equ"/>
                      <dgm:constr type="primFontSz" for="des" forName="childCenter3" refType="primFontSz" refFor="des" refForName="childCenter1" op="equ"/>
                      <dgm:constr type="primFontSz" for="des" forName="text3" refType="primFontSz" refFor="des" refForName="text1" op="equ"/>
                      <dgm:constr type="userS" for="des" ptType="node" refType="w" refFor="ch" refForName="textCenter" fact="0.67"/>
                    </dgm:constrLst>
                  </dgm:else>
                </dgm:choose>
              </dgm:else>
            </dgm:choose>
          </dgm:if>
          <dgm:if name="Name34" axis="ch ch" ptType="node node" func="cnt" op="equ" val="4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5"/>
              <dgm:constr type="h" for="ch" forName="cycle_1" refType="h" fact="0.33"/>
              <dgm:constr type="l" for="ch" forName="cycle_2"/>
              <dgm:constr type="ctrY" for="ch" forName="cycle_2" refType="h" fact="0.5"/>
              <dgm:constr type="w" for="ch" forName="cycle_2" refType="w" fact="0.33"/>
              <dgm:constr type="h" for="ch" forName="cycle_2" refType="h" fact="0.5"/>
              <dgm:constr type="ctrX" for="ch" forName="cycle_3" refType="w" fact="0.5"/>
              <dgm:constr type="b" for="ch" forName="cycle_3" refType="h"/>
              <dgm:constr type="w" for="ch" forName="cycle_3" refType="w" fact="0.5"/>
              <dgm:constr type="h" for="ch" forName="cycle_3" refType="h" fact="0.33"/>
              <dgm:constr type="r" for="ch" forName="cycle_4" refType="w"/>
              <dgm:constr type="ctrY" for="ch" forName="cycle_4" refType="h" fact="0.5"/>
              <dgm:constr type="w" for="ch" forName="cycle_4" refType="w" fact="0.33"/>
              <dgm:constr type="h" for="ch" forName="cycle_4" refType="h" fact="0.5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userS" for="des" ptType="node" refType="w" refFor="ch" refForName="textCenter" fact="0.67"/>
            </dgm:constrLst>
          </dgm:if>
          <dgm:if name="Name35" axis="ch ch" ptType="node node" func="cnt" op="equ" val="5">
            <dgm:constrLst>
              <dgm:constr type="ctrX" for="ch" forName="textCenter" refType="w" fact="0.5"/>
              <dgm:constr type="t" for="ch" forName="textCenter" refType="h" fact="0.42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33"/>
              <dgm:constr type="h" for="ch" forName="cycle_1" refType="w" refFor="ch" refForName="cycle_1"/>
              <dgm:constr type="l" for="ch" forName="cycle_2"/>
              <dgm:constr type="t" for="ch" forName="cycle_2" refType="h" fact="0.24"/>
              <dgm:constr type="w" for="ch" forName="cycle_2" refType="w" fact="0.33"/>
              <dgm:constr type="h" for="ch" forName="cycle_2" refType="w" refFor="ch" refForName="cycle_2"/>
              <dgm:constr type="l" for="ch" forName="cycle_3" refType="w" fact="0.11"/>
              <dgm:constr type="b" for="ch" forName="cycle_3" refType="h"/>
              <dgm:constr type="w" for="ch" forName="cycle_3" refType="w" fact="0.33"/>
              <dgm:constr type="h" for="ch" forName="cycle_3" refType="w" refFor="ch" refForName="cycle_3"/>
              <dgm:constr type="r" for="ch" forName="cycle_4" refType="w" fact="0.89"/>
              <dgm:constr type="b" for="ch" forName="cycle_4" refType="h"/>
              <dgm:constr type="w" for="ch" forName="cycle_4" refType="w" fact="0.33"/>
              <dgm:constr type="h" for="ch" forName="cycle_4" refType="w" refFor="ch" refForName="cycle_4"/>
              <dgm:constr type="r" for="ch" forName="cycle_5" refType="w"/>
              <dgm:constr type="t" for="ch" forName="cycle_5" refType="h" fact="0.24"/>
              <dgm:constr type="w" for="ch" forName="cycle_5" refType="w" fact="0.33"/>
              <dgm:constr type="h" for="ch" forName="cycle_5" refType="w" refFor="ch" refForName="cycle_5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userS" for="des" ptType="node" refType="w" refFor="ch" refForName="textCenter" fact="0.67"/>
            </dgm:constrLst>
          </dgm:if>
          <dgm:if name="Name36" axis="ch ch" ptType="node node" func="cnt" op="equ" val="6">
            <dgm:constrLst>
              <dgm:constr type="ctrX" for="ch" forName="textCenter" refType="w" fact="0.5"/>
              <dgm:constr type="ctrY" for="ch" forName="textCenter" refType="h" fact="0.5"/>
              <dgm:constr type="w" for="ch" forName="textCenter" refType="w" fact="0.2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33"/>
              <dgm:constr type="h" for="ch" forName="cycle_1" refType="w" refFor="ch" refForName="cycle_1"/>
              <dgm:constr type="l" for="ch" forName="cycle_2"/>
              <dgm:constr type="t" for="ch" forName="cycle_2" refType="h" fact="0.17"/>
              <dgm:constr type="w" for="ch" forName="cycle_2" refType="w" fact="0.33"/>
              <dgm:constr type="h" for="ch" forName="cycle_2" refType="w" refFor="ch" refForName="cycle_2"/>
              <dgm:constr type="l" for="ch" forName="cycle_3"/>
              <dgm:constr type="b" for="ch" forName="cycle_3" refType="h" fact="0.83"/>
              <dgm:constr type="w" for="ch" forName="cycle_3" refType="w" fact="0.33"/>
              <dgm:constr type="h" for="ch" forName="cycle_3" refType="w" refFor="ch" refForName="cycle_3"/>
              <dgm:constr type="ctrX" for="ch" forName="cycle_4" refType="w" fact="0.5"/>
              <dgm:constr type="b" for="ch" forName="cycle_4" refType="h"/>
              <dgm:constr type="w" for="ch" forName="cycle_4" refType="w" fact="0.33"/>
              <dgm:constr type="h" for="ch" forName="cycle_4" refType="w" refFor="ch" refForName="cycle_4"/>
              <dgm:constr type="r" for="ch" forName="cycle_5" refType="w"/>
              <dgm:constr type="b" for="ch" forName="cycle_5" refType="h" fact="0.83"/>
              <dgm:constr type="w" for="ch" forName="cycle_5" refType="w" fact="0.33"/>
              <dgm:constr type="h" for="ch" forName="cycle_5" refType="w" refFor="ch" refForName="cycle_5"/>
              <dgm:constr type="r" for="ch" forName="cycle_6" refType="w"/>
              <dgm:constr type="t" for="ch" forName="cycle_6" refType="h" fact="0.17"/>
              <dgm:constr type="w" for="ch" forName="cycle_6" refType="w" fact="0.33"/>
              <dgm:constr type="h" for="ch" forName="cycle_6" refType="w" refFor="ch" refForName="cycle_6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primFontSz" for="des" forName="childCenter6" refType="primFontSz" refFor="des" refForName="childCenter1" op="equ"/>
              <dgm:constr type="primFontSz" for="des" forName="text6" refType="primFontSz" refFor="des" refForName="text1" op="equ"/>
              <dgm:constr type="userS" for="des" ptType="node" refType="w" refFor="ch" refForName="textCenter" fact="0.67"/>
            </dgm:constrLst>
          </dgm:if>
          <dgm:else name="Name37">
            <dgm:constrLst>
              <dgm:constr type="ctrX" for="ch" forName="textCenter" refType="w" fact="0.5"/>
              <dgm:constr type="t" for="ch" forName="textCenter" refType="h" fact="0.444"/>
              <dgm:constr type="w" for="ch" forName="textCenter" refType="w" fact="0.167"/>
              <dgm:constr type="h" for="ch" forName="textCenter" refType="w" refFor="ch" refForName="textCenter"/>
              <dgm:constr type="ctrX" for="ch" forName="cycle_1" refType="w" fact="0.5"/>
              <dgm:constr type="t" for="ch" forName="cycle_1"/>
              <dgm:constr type="w" for="ch" forName="cycle_1" refType="w" fact="0.263"/>
              <dgm:constr type="h" for="ch" forName="cycle_1" refType="w" refFor="ch" refForName="cycle_1"/>
              <dgm:constr type="l" for="ch" forName="cycle_2" refType="w" fact="0.062"/>
              <dgm:constr type="t" for="ch" forName="cycle_2" refType="h" fact="0.141"/>
              <dgm:constr type="w" for="ch" forName="cycle_2" refType="w" fact="0.263"/>
              <dgm:constr type="h" for="ch" forName="cycle_2" refType="w" refFor="ch" refForName="cycle_2"/>
              <dgm:constr type="l" for="ch" forName="cycle_3"/>
              <dgm:constr type="b" for="ch" forName="cycle_3" refType="h" fact="0.74"/>
              <dgm:constr type="w" for="ch" forName="cycle_3" refType="w" fact="0.263"/>
              <dgm:constr type="h" for="ch" forName="cycle_3" refType="w" refFor="ch" refForName="cycle_3"/>
              <dgm:constr type="l" for="ch" forName="cycle_4" refType="w" fact="0.2"/>
              <dgm:constr type="b" for="ch" forName="cycle_4" refType="h"/>
              <dgm:constr type="w" for="ch" forName="cycle_4" refType="w" fact="0.263"/>
              <dgm:constr type="h" for="ch" forName="cycle_4" refType="w" refFor="ch" refForName="cycle_4"/>
              <dgm:constr type="r" for="ch" forName="cycle_5" refType="w" fact="0.8"/>
              <dgm:constr type="b" for="ch" forName="cycle_5" refType="h"/>
              <dgm:constr type="w" for="ch" forName="cycle_5" refType="w" fact="0.263"/>
              <dgm:constr type="h" for="ch" forName="cycle_5" refType="w" refFor="ch" refForName="cycle_5"/>
              <dgm:constr type="r" for="ch" forName="cycle_6" refType="w"/>
              <dgm:constr type="b" for="ch" forName="cycle_6" refType="h" fact="0.74"/>
              <dgm:constr type="w" for="ch" forName="cycle_6" refType="w" fact="0.263"/>
              <dgm:constr type="h" for="ch" forName="cycle_6" refType="w" refFor="ch" refForName="cycle_6"/>
              <dgm:constr type="r" for="ch" forName="cycle_7" refType="w" fact="0.938"/>
              <dgm:constr type="t" for="ch" forName="cycle_7" refType="h" fact="0.141"/>
              <dgm:constr type="w" for="ch" forName="cycle_7" refType="w" fact="0.263"/>
              <dgm:constr type="h" for="ch" forName="cycle_7" refType="w" refFor="ch" refForName="cycle_7"/>
              <dgm:constr type="primFontSz" for="ch" forName="textCenter" val="65"/>
              <dgm:constr type="primFontSz" for="des" forName="childCenter1" val="65"/>
              <dgm:constr type="primFontSz" for="des" forName="text1" op="equ" val="65"/>
              <dgm:constr type="primFontSz" for="des" forName="childCenter2" refType="primFontSz" refFor="des" refForName="childCenter1" op="equ"/>
              <dgm:constr type="primFontSz" for="des" forName="text2" refType="primFontSz" refFor="des" refForName="text1" op="equ"/>
              <dgm:constr type="primFontSz" for="des" forName="childCenter3" refType="primFontSz" refFor="des" refForName="childCenter1" op="equ"/>
              <dgm:constr type="primFontSz" for="des" forName="text3" refType="primFontSz" refFor="des" refForName="text1" op="equ"/>
              <dgm:constr type="primFontSz" for="des" forName="childCenter4" refType="primFontSz" refFor="des" refForName="childCenter1" op="equ"/>
              <dgm:constr type="primFontSz" for="des" forName="text4" refType="primFontSz" refFor="des" refForName="text1" op="equ"/>
              <dgm:constr type="primFontSz" for="des" forName="childCenter5" refType="primFontSz" refFor="des" refForName="childCenter1" op="equ"/>
              <dgm:constr type="primFontSz" for="des" forName="text5" refType="primFontSz" refFor="des" refForName="text1" op="equ"/>
              <dgm:constr type="primFontSz" for="des" forName="childCenter6" refType="primFontSz" refFor="des" refForName="childCenter1" op="equ"/>
              <dgm:constr type="primFontSz" for="des" forName="text6" refType="primFontSz" refFor="des" refForName="text1" op="equ"/>
              <dgm:constr type="primFontSz" for="des" forName="childCenter7" refType="primFontSz" refFor="des" refForName="childCenter1" op="equ"/>
              <dgm:constr type="primFontSz" for="des" forName="text7" refType="primFontSz" refFor="des" refForName="text1" op="equ"/>
              <dgm:constr type="userS" for="des" ptType="node" refType="w" refFor="ch" refForName="textCenter" fact="0.67"/>
            </dgm:constrLst>
          </dgm:else>
        </dgm:choose>
      </dgm:else>
    </dgm:choose>
    <dgm:forEach name="Name38" axis="ch" ptType="node" cnt="1">
      <dgm:choose name="Name39">
        <dgm:if name="Name40" axis="des" func="maxDepth" op="lte" val="1">
          <dgm:layoutNode name="singleCycle">
            <dgm:choose name="Name41">
              <dgm:if name="Name42" axis="ch" ptType="node" func="cnt" op="equ" val="1">
                <dgm:choose name="Name43">
                  <dgm:if name="Name44" func="var" arg="dir" op="equ" val="norm">
                    <dgm:alg type="cycle">
                      <dgm:param type="stAng" val="90"/>
                      <dgm:param type="ctrShpMap" val="fNode"/>
                    </dgm:alg>
                  </dgm:if>
                  <dgm:else name="Name45">
                    <dgm:alg type="cycle">
                      <dgm:param type="stAng" val="-90"/>
                      <dgm:param type="spanAng" val="-360"/>
                      <dgm:param type="ctrShpMap" val="fNode"/>
                    </dgm:alg>
                  </dgm:else>
                </dgm:choose>
              </dgm:if>
              <dgm:else name="Name46">
                <dgm:choose name="Name47">
                  <dgm:if name="Name48" func="var" arg="dir" op="equ" val="norm">
                    <dgm:alg type="cycle">
                      <dgm:param type="ctrShpMap" val="fNode"/>
                    </dgm:alg>
                  </dgm:if>
                  <dgm:else name="Name49">
                    <dgm:alg type="cycle">
                      <dgm:param type="spanAng" val="-360"/>
                      <dgm:param type="ctrShpMap" val="fNode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hoose name="Name50">
              <dgm:if name="Name51" axis="ch" ptType="node" func="cnt" op="equ" val="0">
                <dgm:constrLst>
                  <dgm:constr type="w" for="ch" forName="singleCenter" refType="w"/>
                  <dgm:constr type="h" for="ch" forName="singleCenter" refType="w" refFor="ch" refForName="singleCenter"/>
                </dgm:constrLst>
              </dgm:if>
              <dgm:if name="Name52" axis="ch" ptType="node" func="cnt" op="equ" val="1">
                <dgm:constrLst>
                  <dgm:constr type="w" for="ch" forName="singleCenter" refType="w" fact="0.5"/>
                  <dgm:constr type="h" for="ch" forName="singleCenter" refType="w" refFor="ch" refForName="singleCenter"/>
                  <dgm:constr type="userS" for="ch" ptType="node" refType="w" refFor="ch" refForName="singleCenter" fact="0.67"/>
                </dgm:constrLst>
              </dgm:if>
              <dgm:else name="Name53">
                <dgm:constrLst>
                  <dgm:constr type="w" for="ch" forName="singleCenter" refType="w" fact="0.3"/>
                  <dgm:constr type="h" for="ch" forName="singleCenter" refType="w" refFor="ch" refForName="singleCenter"/>
                  <dgm:constr type="userS" for="ch" ptType="node" refType="w" refFor="ch" refForName="singleCenter" fact="0.67"/>
                </dgm:constrLst>
              </dgm:else>
            </dgm:choose>
            <dgm:layoutNode name="singleCenter" styleLbl="node1">
              <dgm:varLst>
                <dgm:chMax val="7"/>
                <dgm:chPref val="7"/>
              </dgm:varLst>
              <dgm:alg type="tx"/>
              <dgm:shape xmlns:r="http://schemas.openxmlformats.org/officeDocument/2006/relationships" type="roundRect" r:blip="">
                <dgm:adjLst/>
              </dgm:shape>
              <dgm:presOf axis="self" ptType="node"/>
              <dgm:constrLst>
                <dgm:constr type="tMarg" refType="primFontSz" fact="0.2"/>
                <dgm:constr type="bMarg" refType="primFontSz" fact="0.2"/>
                <dgm:constr type="lMarg" refType="primFontSz" fact="0.2"/>
                <dgm:constr type="rMarg" refType="primFontSz" fact="0.2"/>
              </dgm:constrLst>
              <dgm:ruleLst>
                <dgm:rule type="primFontSz" val="5" fact="NaN" max="NaN"/>
              </dgm:ruleLst>
            </dgm:layoutNode>
            <dgm:forEach name="Name54" axis="ch" cnt="21">
              <dgm:forEach name="Name55" axis="self" ptType="parTrans">
                <dgm:layoutNode name="Name56">
                  <dgm:alg type="conn">
                    <dgm:param type="dim" val="1D"/>
                    <dgm:param type="begPts" val="auto"/>
                    <dgm:param type="endPts" val="auto"/>
                    <dgm:param type="begSty" val="noArr"/>
                    <dgm:param type="endSty" val="noArr"/>
                  </dgm:alg>
                  <dgm:shape xmlns:r="http://schemas.openxmlformats.org/officeDocument/2006/relationships" type="conn" r:blip="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</dgm:layoutNode>
              </dgm:forEach>
              <dgm:forEach name="Name57" axis="self" ptType="node">
                <dgm:layoutNode name="text0" styleLbl="node1">
                  <dgm:varLst>
                    <dgm:bulletEnabled val="1"/>
                  </dgm:varLst>
                  <dgm:alg type="tx"/>
                  <dgm:shape xmlns:r="http://schemas.openxmlformats.org/officeDocument/2006/relationships" type="roundRect" r:blip="">
                    <dgm:adjLst/>
                  </dgm:shape>
                  <dgm:presOf axis="desOrSelf" ptType="node"/>
                  <dgm:constrLst>
                    <dgm:constr type="userS"/>
                    <dgm:constr type="w" refType="userS"/>
                    <dgm:constr type="h" refType="w"/>
                    <dgm:constr type="tMarg" refType="primFontSz" fact="0.2"/>
                    <dgm:constr type="bMarg" refType="primFontSz" fact="0.2"/>
                    <dgm:constr type="lMarg" refType="primFontSz" fact="0.2"/>
                    <dgm:constr type="rMarg" refType="primFontSz" fact="0.2"/>
                  </dgm:constrLst>
                  <dgm:ruleLst>
                    <dgm:rule type="primFontSz" val="5" fact="NaN" max="NaN"/>
                  </dgm:ruleLst>
                </dgm:layoutNode>
              </dgm:forEach>
            </dgm:forEach>
          </dgm:layoutNode>
        </dgm:if>
        <dgm:else name="Name58">
          <dgm:layoutNode name="textCenter" styleLbl="node1">
            <dgm:alg type="tx"/>
            <dgm:shape xmlns:r="http://schemas.openxmlformats.org/officeDocument/2006/relationships" type="roundRect" r:blip="">
              <dgm:adjLst/>
            </dgm:shape>
            <dgm:presOf axis="self" ptType="node"/>
            <dgm:constrLst>
              <dgm:constr type="tMarg" refType="primFontSz" fact="0.2"/>
              <dgm:constr type="bMarg" refType="primFontSz" fact="0.2"/>
              <dgm:constr type="lMarg" refType="primFontSz" fact="0.2"/>
              <dgm:constr type="rMarg" refType="primFontSz" fact="0.2"/>
            </dgm:constrLst>
            <dgm:ruleLst>
              <dgm:rule type="primFontSz" val="5" fact="NaN" max="NaN"/>
            </dgm:ruleLst>
          </dgm:layoutNode>
          <dgm:choose name="Name59">
            <dgm:if name="Name60" axis="ch" ptType="node" func="cnt" op="gte" val="1">
              <dgm:layoutNode name="cycle_1">
                <dgm:choose name="Name61">
                  <dgm:if name="Name62" func="var" arg="dir" op="equ" val="norm">
                    <dgm:choose name="Name63">
                      <dgm:if name="Name64" axis="ch" ptType="node" func="cnt" op="equ" val="1">
                        <dgm:choose name="Name65">
                          <dgm:if name="Name66" axis="ch ch" ptType="node node" st="1 1" cnt="1 0" func="cnt" op="equ" val="1">
                            <dgm:alg type="cycle">
                              <dgm:param type="ctrShpMap" val="fNode"/>
                              <dgm:param type="stAng" val="90"/>
                            </dgm:alg>
                          </dgm:if>
                          <dgm:if name="Name67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90"/>
                            </dgm:alg>
                          </dgm:if>
                          <dgm:else name="Name68">
                            <dgm:alg type="cycle">
                              <dgm:param type="ctrShpMap" val="fNode"/>
                              <dgm:param type="stAng" val="0"/>
                              <dgm:param type="spanAng" val="180"/>
                            </dgm:alg>
                          </dgm:else>
                        </dgm:choose>
                      </dgm:if>
                      <dgm:if name="Name69" axis="ch" ptType="node" func="cnt" op="equ" val="2">
                        <dgm:choose name="Name70">
                          <dgm:if name="Name71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72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73">
                            <dgm:alg type="cycle">
                              <dgm:param type="ctrShpMap" val="fNode"/>
                              <dgm:param type="stAng" val="270"/>
                              <dgm:param type="spanAng" val="180"/>
                            </dgm:alg>
                          </dgm:else>
                        </dgm:choose>
                      </dgm:if>
                      <dgm:if name="Name74" axis="ch" ptType="node" func="cnt" op="equ" val="3">
                        <dgm:choose name="Name75">
                          <dgm:if name="Name76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77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78">
                            <dgm:alg type="cycle">
                              <dgm:param type="ctrShpMap" val="fNode"/>
                              <dgm:param type="stAng" val="270"/>
                              <dgm:param type="spanAng" val="180"/>
                            </dgm:alg>
                          </dgm:else>
                        </dgm:choose>
                      </dgm:if>
                      <dgm:if name="Name79" axis="ch" ptType="node" func="cnt" op="equ" val="4">
                        <dgm:choose name="Name80">
                          <dgm:if name="Name81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82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83">
                            <dgm:alg type="cycle">
                              <dgm:param type="ctrShpMap" val="fNode"/>
                              <dgm:param type="stAng" val="292.5"/>
                              <dgm:param type="spanAng" val="135"/>
                            </dgm:alg>
                          </dgm:else>
                        </dgm:choose>
                      </dgm:if>
                      <dgm:if name="Name84" axis="ch" ptType="node" func="cnt" op="equ" val="5">
                        <dgm:choose name="Name85">
                          <dgm:if name="Name86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87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88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89" axis="ch" ptType="node" func="cnt" op="equ" val="6">
                        <dgm:choose name="Name90">
                          <dgm:if name="Name91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92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93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94" axis="ch" ptType="node" func="cnt" op="gte" val="7">
                        <dgm:choose name="Name95">
                          <dgm:if name="Name96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97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90"/>
                            </dgm:alg>
                          </dgm:if>
                          <dgm:else name="Name98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99"/>
                    </dgm:choose>
                  </dgm:if>
                  <dgm:else name="Name100">
                    <dgm:choose name="Name101">
                      <dgm:if name="Name102" axis="ch" ptType="node" func="cnt" op="equ" val="1">
                        <dgm:choose name="Name103">
                          <dgm:if name="Name104" axis="ch ch" ptType="node node" st="1 1" cnt="1 0" func="cnt" op="equ" val="1">
                            <dgm:alg type="cycle">
                              <dgm:param type="ctrShpMap" val="fNode"/>
                              <dgm:param type="stAng" val="270"/>
                            </dgm:alg>
                          </dgm:if>
                          <dgm:if name="Name105" axis="ch ch" ptType="node node" st="1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-90"/>
                            </dgm:alg>
                          </dgm:if>
                          <dgm:else name="Name106">
                            <dgm:alg type="cycle">
                              <dgm:param type="ctrShpMap" val="fNode"/>
                              <dgm:param type="stAng" val="0"/>
                              <dgm:param type="spanAng" val="-180"/>
                            </dgm:alg>
                          </dgm:else>
                        </dgm:choose>
                      </dgm:if>
                      <dgm:if name="Name107" axis="ch" ptType="node" func="cnt" op="equ" val="2">
                        <dgm:choose name="Name108">
                          <dgm:if name="Name109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10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11">
                            <dgm:alg type="cycle">
                              <dgm:param type="ctrShpMap" val="fNode"/>
                              <dgm:param type="stAng" val="90"/>
                              <dgm:param type="spanAng" val="-180"/>
                            </dgm:alg>
                          </dgm:else>
                        </dgm:choose>
                      </dgm:if>
                      <dgm:if name="Name112" axis="ch" ptType="node" func="cnt" op="equ" val="3">
                        <dgm:choose name="Name113">
                          <dgm:if name="Name114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15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16">
                            <dgm:alg type="cycle">
                              <dgm:param type="ctrShpMap" val="fNode"/>
                              <dgm:param type="stAng" val="90"/>
                              <dgm:param type="spanAng" val="-180"/>
                            </dgm:alg>
                          </dgm:else>
                        </dgm:choose>
                      </dgm:if>
                      <dgm:if name="Name117" axis="ch" ptType="node" func="cnt" op="equ" val="4">
                        <dgm:choose name="Name118">
                          <dgm:if name="Name119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20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21">
                            <dgm:alg type="cycle">
                              <dgm:param type="ctrShpMap" val="fNode"/>
                              <dgm:param type="stAng" val="67.5"/>
                              <dgm:param type="spanAng" val="-135"/>
                            </dgm:alg>
                          </dgm:else>
                        </dgm:choose>
                      </dgm:if>
                      <dgm:if name="Name122" axis="ch" ptType="node" func="cnt" op="equ" val="5">
                        <dgm:choose name="Name123">
                          <dgm:if name="Name124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25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26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127" axis="ch" ptType="node" func="cnt" op="equ" val="6">
                        <dgm:choose name="Name128">
                          <dgm:if name="Name129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30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31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132" axis="ch" ptType="node" func="cnt" op="gte" val="7">
                        <dgm:choose name="Name133">
                          <dgm:if name="Name134" axis="ch ch" ptType="node node" st="1 1" cnt="1 0" func="cnt" op="equ" val="1">
                            <dgm:alg type="cycle">
                              <dgm:param type="ctrShpMap" val="fNode"/>
                              <dgm:param type="stAng" val="0"/>
                            </dgm:alg>
                          </dgm:if>
                          <dgm:if name="Name135" axis="ch ch" ptType="node node" st="1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-90"/>
                            </dgm:alg>
                          </dgm:if>
                          <dgm:else name="Name136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137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138" axis="ch" ptType="node" cnt="1">
                  <dgm:layoutNode name="childCenter1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139" axis="ch">
                    <dgm:forEach name="Name140" axis="self" ptType="parTrans">
                      <dgm:layoutNode name="Name141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142" axis="self" ptType="node">
                      <dgm:layoutNode name="text1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143" axis="ch" ptType="parTrans" cnt="1">
                <dgm:layoutNode name="Name144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1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145"/>
          </dgm:choose>
          <dgm:choose name="Name146">
            <dgm:if name="Name147" axis="ch" ptType="node" func="cnt" op="gte" val="2">
              <dgm:layoutNode name="cycle_2">
                <dgm:choose name="Name148">
                  <dgm:if name="Name149" func="var" arg="dir" op="equ" val="norm">
                    <dgm:choose name="Name150">
                      <dgm:if name="Name151" axis="ch" ptType="node" func="cnt" op="equ" val="2">
                        <dgm:choose name="Name152">
                          <dgm:if name="Name153" axis="ch ch" ptType="node node" st="2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154" axis="ch ch" ptType="node node" st="2 1" cnt="1 0" func="cnt" op="equ" val="2">
                            <dgm:alg type="cycle">
                              <dgm:param type="ctrShpMap" val="fNode"/>
                              <dgm:param type="stAng" val="135"/>
                              <dgm:param type="spanAng" val="90"/>
                            </dgm:alg>
                          </dgm:if>
                          <dgm:else name="Name155">
                            <dgm:alg type="cycle">
                              <dgm:param type="ctrShpMap" val="fNode"/>
                              <dgm:param type="stAng" val="90"/>
                              <dgm:param type="spanAng" val="180"/>
                            </dgm:alg>
                          </dgm:else>
                        </dgm:choose>
                      </dgm:if>
                      <dgm:if name="Name156" axis="ch" ptType="node" func="cnt" op="equ" val="3">
                        <dgm:choose name="Name157">
                          <dgm:if name="Name158" axis="ch ch" ptType="node node" st="2 1" cnt="1 0" func="cnt" op="equ" val="1">
                            <dgm:alg type="cycle">
                              <dgm:param type="ctrShpMap" val="fNode"/>
                              <dgm:param type="stAng" val="120"/>
                              <dgm:param type="horzAlign" val="r"/>
                              <dgm:param type="vertAlign" val="b"/>
                            </dgm:alg>
                          </dgm:if>
                          <dgm:if name="Name159" axis="ch ch" ptType="node node" st="2 1" cnt="1 0" func="cnt" op="equ" val="2">
                            <dgm:alg type="cycle">
                              <dgm:param type="ctrShpMap" val="fNode"/>
                              <dgm:param type="stAng" val="75"/>
                              <dgm:param type="spanAng" val="90"/>
                              <dgm:param type="horzAlign" val="r"/>
                              <dgm:param type="vertAlign" val="b"/>
                            </dgm:alg>
                          </dgm:if>
                          <dgm:else name="Name160">
                            <dgm:alg type="cycle">
                              <dgm:param type="ctrShpMap" val="fNode"/>
                              <dgm:param type="stAng" val="30"/>
                              <dgm:param type="spanAng" val="180"/>
                            </dgm:alg>
                          </dgm:else>
                        </dgm:choose>
                      </dgm:if>
                      <dgm:if name="Name161" axis="ch" ptType="node" func="cnt" op="equ" val="4">
                        <dgm:choose name="Name162">
                          <dgm:if name="Name163" axis="ch ch" ptType="node node" st="2 1" cnt="1 0" func="cnt" op="equ" val="1">
                            <dgm:alg type="cycle">
                              <dgm:param type="ctrShpMap" val="fNode"/>
                              <dgm:param type="stAng" val="90"/>
                            </dgm:alg>
                          </dgm:if>
                          <dgm:if name="Name164" axis="ch ch" ptType="node node" st="2 1" cnt="1 0" func="cnt" op="equ" val="2">
                            <dgm:alg type="cycle">
                              <dgm:param type="ctrShpMap" val="fNode"/>
                              <dgm:param type="stAng" val="45"/>
                              <dgm:param type="spanAng" val="90"/>
                            </dgm:alg>
                          </dgm:if>
                          <dgm:else name="Name165">
                            <dgm:alg type="cycle">
                              <dgm:param type="ctrShpMap" val="fNode"/>
                              <dgm:param type="stAng" val="22.5"/>
                              <dgm:param type="spanAng" val="135"/>
                            </dgm:alg>
                          </dgm:else>
                        </dgm:choose>
                      </dgm:if>
                      <dgm:if name="Name166" axis="ch" ptType="node" func="cnt" op="equ" val="5">
                        <dgm:choose name="Name167">
                          <dgm:if name="Name168" axis="ch ch" ptType="node node" st="2 1" cnt="1 0" func="cnt" op="equ" val="1">
                            <dgm:alg type="cycle">
                              <dgm:param type="ctrShpMap" val="fNode"/>
                              <dgm:param type="stAng" val="72"/>
                            </dgm:alg>
                          </dgm:if>
                          <dgm:if name="Name169" axis="ch ch" ptType="node node" st="2 1" cnt="1 0" func="cnt" op="equ" val="2">
                            <dgm:alg type="cycle">
                              <dgm:param type="ctrShpMap" val="fNode"/>
                              <dgm:param type="stAng" val="27"/>
                              <dgm:param type="spanAng" val="90"/>
                            </dgm:alg>
                          </dgm:if>
                          <dgm:else name="Name170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171" axis="ch" ptType="node" func="cnt" op="equ" val="6">
                        <dgm:choose name="Name172">
                          <dgm:if name="Name173" axis="ch ch" ptType="node node" st="2 1" cnt="1 0" func="cnt" op="equ" val="1">
                            <dgm:alg type="cycle">
                              <dgm:param type="ctrShpMap" val="fNode"/>
                              <dgm:param type="stAng" val="60"/>
                            </dgm:alg>
                          </dgm:if>
                          <dgm:if name="Name174" axis="ch ch" ptType="node node" st="2 1" cnt="1 0" func="cnt" op="equ" val="2">
                            <dgm:alg type="cycle">
                              <dgm:param type="ctrShpMap" val="fNode"/>
                              <dgm:param type="stAng" val="15"/>
                              <dgm:param type="spanAng" val="90"/>
                            </dgm:alg>
                          </dgm:if>
                          <dgm:else name="Name175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176" axis="ch" ptType="node" func="cnt" op="gte" val="7">
                        <dgm:choose name="Name177">
                          <dgm:if name="Name178" axis="ch ch" ptType="node node" st="2 1" cnt="1 0" func="cnt" op="equ" val="1">
                            <dgm:alg type="cycle">
                              <dgm:param type="ctrShpMap" val="fNode"/>
                              <dgm:param type="stAng" val="51"/>
                            </dgm:alg>
                          </dgm:if>
                          <dgm:if name="Name179" axis="ch ch" ptType="node node" st="2 1" cnt="1 0" func="cnt" op="equ" val="2">
                            <dgm:alg type="cycle">
                              <dgm:param type="ctrShpMap" val="fNode"/>
                              <dgm:param type="stAng" val="6"/>
                              <dgm:param type="spanAng" val="90"/>
                            </dgm:alg>
                          </dgm:if>
                          <dgm:else name="Name180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181"/>
                    </dgm:choose>
                  </dgm:if>
                  <dgm:else name="Name182">
                    <dgm:choose name="Name183">
                      <dgm:if name="Name184" axis="ch" ptType="node" func="cnt" op="equ" val="2">
                        <dgm:choose name="Name185">
                          <dgm:if name="Name186" axis="ch ch" ptType="node node" st="2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187" axis="ch ch" ptType="node node" st="2 1" cnt="1 0" func="cnt" op="equ" val="2">
                            <dgm:alg type="cycle">
                              <dgm:param type="ctrShpMap" val="fNode"/>
                              <dgm:param type="stAng" val="225"/>
                              <dgm:param type="spanAng" val="-90"/>
                            </dgm:alg>
                          </dgm:if>
                          <dgm:else name="Name188">
                            <dgm:alg type="cycle">
                              <dgm:param type="ctrShpMap" val="fNode"/>
                              <dgm:param type="stAng" val="270"/>
                              <dgm:param type="spanAng" val="-180"/>
                            </dgm:alg>
                          </dgm:else>
                        </dgm:choose>
                      </dgm:if>
                      <dgm:if name="Name189" axis="ch" ptType="node" func="cnt" op="equ" val="3">
                        <dgm:choose name="Name190">
                          <dgm:if name="Name191" axis="ch ch" ptType="node node" st="2 1" cnt="1 0" func="cnt" op="equ" val="1">
                            <dgm:alg type="cycle">
                              <dgm:param type="ctrShpMap" val="fNode"/>
                              <dgm:param type="stAng" val="240"/>
                              <dgm:param type="horzAlign" val="l"/>
                              <dgm:param type="vertAlign" val="b"/>
                            </dgm:alg>
                          </dgm:if>
                          <dgm:if name="Name192" axis="ch ch" ptType="node node" st="2 1" cnt="1 0" func="cnt" op="equ" val="2">
                            <dgm:alg type="cycle">
                              <dgm:param type="ctrShpMap" val="fNode"/>
                              <dgm:param type="stAng" val="285"/>
                              <dgm:param type="spanAng" val="-90"/>
                              <dgm:param type="horzAlign" val="l"/>
                              <dgm:param type="vertAlign" val="b"/>
                            </dgm:alg>
                          </dgm:if>
                          <dgm:else name="Name193">
                            <dgm:alg type="cycle">
                              <dgm:param type="ctrShpMap" val="fNode"/>
                              <dgm:param type="stAng" val="330"/>
                              <dgm:param type="spanAng" val="-180"/>
                            </dgm:alg>
                          </dgm:else>
                        </dgm:choose>
                      </dgm:if>
                      <dgm:if name="Name194" axis="ch" ptType="node" func="cnt" op="equ" val="4">
                        <dgm:choose name="Name195">
                          <dgm:if name="Name196" axis="ch ch" ptType="node node" st="2 1" cnt="1 0" func="cnt" op="equ" val="1">
                            <dgm:alg type="cycle">
                              <dgm:param type="ctrShpMap" val="fNode"/>
                              <dgm:param type="stAng" val="270"/>
                            </dgm:alg>
                          </dgm:if>
                          <dgm:if name="Name197" axis="ch ch" ptType="node node" st="2 1" cnt="1 0" func="cnt" op="equ" val="2">
                            <dgm:alg type="cycle">
                              <dgm:param type="ctrShpMap" val="fNode"/>
                              <dgm:param type="stAng" val="315"/>
                              <dgm:param type="spanAng" val="-90"/>
                            </dgm:alg>
                          </dgm:if>
                          <dgm:else name="Name198">
                            <dgm:alg type="cycle">
                              <dgm:param type="ctrShpMap" val="fNode"/>
                              <dgm:param type="stAng" val="337.5"/>
                              <dgm:param type="spanAng" val="-135"/>
                            </dgm:alg>
                          </dgm:else>
                        </dgm:choose>
                      </dgm:if>
                      <dgm:if name="Name199" axis="ch" ptType="node" func="cnt" op="equ" val="5">
                        <dgm:choose name="Name200">
                          <dgm:if name="Name201" axis="ch ch" ptType="node node" st="2 1" cnt="1 0" func="cnt" op="equ" val="1">
                            <dgm:alg type="cycle">
                              <dgm:param type="ctrShpMap" val="fNode"/>
                              <dgm:param type="stAng" val="288"/>
                            </dgm:alg>
                          </dgm:if>
                          <dgm:if name="Name202" axis="ch ch" ptType="node node" st="2 1" cnt="1 0" func="cnt" op="equ" val="2">
                            <dgm:alg type="cycle">
                              <dgm:param type="ctrShpMap" val="fNode"/>
                              <dgm:param type="stAng" val="333"/>
                              <dgm:param type="spanAng" val="-90"/>
                            </dgm:alg>
                          </dgm:if>
                          <dgm:else name="Name203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204" axis="ch" ptType="node" func="cnt" op="equ" val="6">
                        <dgm:choose name="Name205">
                          <dgm:if name="Name206" axis="ch ch" ptType="node node" st="2 1" cnt="1 0" func="cnt" op="equ" val="1">
                            <dgm:alg type="cycle">
                              <dgm:param type="ctrShpMap" val="fNode"/>
                              <dgm:param type="stAng" val="300"/>
                            </dgm:alg>
                          </dgm:if>
                          <dgm:if name="Name207" axis="ch ch" ptType="node node" st="2 1" cnt="1 0" func="cnt" op="equ" val="2">
                            <dgm:alg type="cycle">
                              <dgm:param type="ctrShpMap" val="fNode"/>
                              <dgm:param type="stAng" val="345"/>
                              <dgm:param type="spanAng" val="-90"/>
                            </dgm:alg>
                          </dgm:if>
                          <dgm:else name="Name208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209" axis="ch" ptType="node" func="cnt" op="gte" val="7">
                        <dgm:choose name="Name210">
                          <dgm:if name="Name211" axis="ch ch" ptType="node node" st="2 1" cnt="1 0" func="cnt" op="equ" val="1">
                            <dgm:alg type="cycle">
                              <dgm:param type="ctrShpMap" val="fNode"/>
                              <dgm:param type="stAng" val="308"/>
                            </dgm:alg>
                          </dgm:if>
                          <dgm:if name="Name212" axis="ch ch" ptType="node node" st="2 1" cnt="1 0" func="cnt" op="equ" val="2">
                            <dgm:alg type="cycle">
                              <dgm:param type="ctrShpMap" val="fNode"/>
                              <dgm:param type="stAng" val="353"/>
                              <dgm:param type="spanAng" val="-90"/>
                            </dgm:alg>
                          </dgm:if>
                          <dgm:else name="Name213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214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215" axis="ch" ptType="node" st="2" cnt="1">
                  <dgm:layoutNode name="childCenter2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216" axis="ch">
                    <dgm:forEach name="Name217" axis="self" ptType="parTrans">
                      <dgm:layoutNode name="Name218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219" axis="self" ptType="node">
                      <dgm:layoutNode name="text2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220" axis="ch" ptType="parTrans" st="2" cnt="1">
                <dgm:layoutNode name="Name221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2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222"/>
          </dgm:choose>
          <dgm:choose name="Name223">
            <dgm:if name="Name224" axis="ch" ptType="node" func="cnt" op="gte" val="3">
              <dgm:layoutNode name="cycle_3">
                <dgm:choose name="Name225">
                  <dgm:if name="Name226" func="var" arg="dir" op="equ" val="norm">
                    <dgm:choose name="Name227">
                      <dgm:if name="Name228" axis="ch" ptType="node" func="cnt" op="equ" val="3">
                        <dgm:choose name="Name229">
                          <dgm:if name="Name230" axis="ch ch" ptType="node node" st="3 1" cnt="1 0" func="cnt" op="equ" val="1">
                            <dgm:alg type="cycle">
                              <dgm:param type="ctrShpMap" val="fNode"/>
                              <dgm:param type="stAng" val="240"/>
                              <dgm:param type="horzAlign" val="l"/>
                              <dgm:param type="vertAlign" val="b"/>
                            </dgm:alg>
                          </dgm:if>
                          <dgm:if name="Name231" axis="ch ch" ptType="node node" st="3 1" cnt="1 0" func="cnt" op="equ" val="2">
                            <dgm:alg type="cycle">
                              <dgm:param type="ctrShpMap" val="fNode"/>
                              <dgm:param type="stAng" val="195"/>
                              <dgm:param type="spanAng" val="90"/>
                              <dgm:param type="horzAlign" val="l"/>
                              <dgm:param type="vertAlign" val="b"/>
                            </dgm:alg>
                          </dgm:if>
                          <dgm:else name="Name232">
                            <dgm:alg type="cycle">
                              <dgm:param type="ctrShpMap" val="fNode"/>
                              <dgm:param type="stAng" val="150"/>
                              <dgm:param type="spanAng" val="180"/>
                            </dgm:alg>
                          </dgm:else>
                        </dgm:choose>
                      </dgm:if>
                      <dgm:if name="Name233" axis="ch" ptType="node" func="cnt" op="equ" val="4">
                        <dgm:choose name="Name234">
                          <dgm:if name="Name235" axis="ch ch" ptType="node node" st="3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236" axis="ch ch" ptType="node node" st="3 1" cnt="1 0" func="cnt" op="equ" val="2">
                            <dgm:alg type="cycle">
                              <dgm:param type="ctrShpMap" val="fNode"/>
                              <dgm:param type="stAng" val="135"/>
                              <dgm:param type="spanAng" val="90"/>
                            </dgm:alg>
                          </dgm:if>
                          <dgm:else name="Name237">
                            <dgm:alg type="cycle">
                              <dgm:param type="ctrShpMap" val="fNode"/>
                              <dgm:param type="stAng" val="112.5"/>
                              <dgm:param type="spanAng" val="135"/>
                            </dgm:alg>
                          </dgm:else>
                        </dgm:choose>
                      </dgm:if>
                      <dgm:if name="Name238" axis="ch" ptType="node" func="cnt" op="equ" val="5">
                        <dgm:choose name="Name239">
                          <dgm:if name="Name240" axis="ch ch" ptType="node node" st="3 1" cnt="1 0" func="cnt" op="equ" val="1">
                            <dgm:alg type="cycle">
                              <dgm:param type="ctrShpMap" val="fNode"/>
                              <dgm:param type="stAng" val="144"/>
                            </dgm:alg>
                          </dgm:if>
                          <dgm:if name="Name241" axis="ch ch" ptType="node node" st="3 1" cnt="1 0" func="cnt" op="equ" val="2">
                            <dgm:alg type="cycle">
                              <dgm:param type="ctrShpMap" val="fNode"/>
                              <dgm:param type="stAng" val="99"/>
                              <dgm:param type="spanAng" val="90"/>
                            </dgm:alg>
                          </dgm:if>
                          <dgm:else name="Name242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243" axis="ch" ptType="node" func="cnt" op="equ" val="6">
                        <dgm:choose name="Name244">
                          <dgm:if name="Name245" axis="ch ch" ptType="node node" st="3 1" cnt="1 0" func="cnt" op="equ" val="1">
                            <dgm:alg type="cycle">
                              <dgm:param type="ctrShpMap" val="fNode"/>
                              <dgm:param type="stAng" val="120"/>
                            </dgm:alg>
                          </dgm:if>
                          <dgm:if name="Name246" axis="ch ch" ptType="node node" st="3 1" cnt="1 0" func="cnt" op="equ" val="2">
                            <dgm:alg type="cycle">
                              <dgm:param type="ctrShpMap" val="fNode"/>
                              <dgm:param type="stAng" val="75"/>
                              <dgm:param type="spanAng" val="90"/>
                            </dgm:alg>
                          </dgm:if>
                          <dgm:else name="Name247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248" axis="ch" ptType="node" func="cnt" op="gte" val="7">
                        <dgm:choose name="Name249">
                          <dgm:if name="Name250" axis="ch ch" ptType="node node" st="3 1" cnt="1 0" func="cnt" op="equ" val="1">
                            <dgm:alg type="cycle">
                              <dgm:param type="ctrShpMap" val="fNode"/>
                              <dgm:param type="stAng" val="102"/>
                            </dgm:alg>
                          </dgm:if>
                          <dgm:if name="Name251" axis="ch ch" ptType="node node" st="3 1" cnt="1 0" func="cnt" op="equ" val="2">
                            <dgm:alg type="cycle">
                              <dgm:param type="ctrShpMap" val="fNode"/>
                              <dgm:param type="stAng" val="57"/>
                              <dgm:param type="spanAng" val="90"/>
                            </dgm:alg>
                          </dgm:if>
                          <dgm:else name="Name252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253"/>
                    </dgm:choose>
                  </dgm:if>
                  <dgm:else name="Name254">
                    <dgm:choose name="Name255">
                      <dgm:if name="Name256" axis="ch" ptType="node" func="cnt" op="equ" val="3">
                        <dgm:choose name="Name257">
                          <dgm:if name="Name258" axis="ch ch" ptType="node node" st="3 1" cnt="1 0" func="cnt" op="equ" val="1">
                            <dgm:alg type="cycle">
                              <dgm:param type="ctrShpMap" val="fNode"/>
                              <dgm:param type="stAng" val="120"/>
                              <dgm:param type="horzAlign" val="r"/>
                              <dgm:param type="vertAlign" val="b"/>
                            </dgm:alg>
                          </dgm:if>
                          <dgm:if name="Name259" axis="ch ch" ptType="node node" st="3 1" cnt="1 0" func="cnt" op="equ" val="2">
                            <dgm:alg type="cycle">
                              <dgm:param type="ctrShpMap" val="fNode"/>
                              <dgm:param type="stAng" val="165"/>
                              <dgm:param type="spanAng" val="-90"/>
                              <dgm:param type="horzAlign" val="r"/>
                              <dgm:param type="vertAlign" val="b"/>
                            </dgm:alg>
                          </dgm:if>
                          <dgm:else name="Name260">
                            <dgm:alg type="cycle">
                              <dgm:param type="ctrShpMap" val="fNode"/>
                              <dgm:param type="stAng" val="210"/>
                              <dgm:param type="spanAng" val="-180"/>
                            </dgm:alg>
                          </dgm:else>
                        </dgm:choose>
                      </dgm:if>
                      <dgm:if name="Name261" axis="ch" ptType="node" func="cnt" op="equ" val="4">
                        <dgm:choose name="Name262">
                          <dgm:if name="Name263" axis="ch ch" ptType="node node" st="3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264" axis="ch ch" ptType="node node" st="3 1" cnt="1 0" func="cnt" op="equ" val="2">
                            <dgm:alg type="cycle">
                              <dgm:param type="ctrShpMap" val="fNode"/>
                              <dgm:param type="stAng" val="225"/>
                              <dgm:param type="spanAng" val="-90"/>
                            </dgm:alg>
                          </dgm:if>
                          <dgm:else name="Name265">
                            <dgm:alg type="cycle">
                              <dgm:param type="ctrShpMap" val="fNode"/>
                              <dgm:param type="stAng" val="247.5"/>
                              <dgm:param type="spanAng" val="-135"/>
                            </dgm:alg>
                          </dgm:else>
                        </dgm:choose>
                      </dgm:if>
                      <dgm:if name="Name266" axis="ch" ptType="node" func="cnt" op="equ" val="5">
                        <dgm:choose name="Name267">
                          <dgm:if name="Name268" axis="ch ch" ptType="node node" st="3 1" cnt="1 0" func="cnt" op="equ" val="1">
                            <dgm:alg type="cycle">
                              <dgm:param type="ctrShpMap" val="fNode"/>
                              <dgm:param type="stAng" val="216"/>
                            </dgm:alg>
                          </dgm:if>
                          <dgm:if name="Name269" axis="ch ch" ptType="node node" st="3 1" cnt="1 0" func="cnt" op="equ" val="2">
                            <dgm:alg type="cycle">
                              <dgm:param type="ctrShpMap" val="fNode"/>
                              <dgm:param type="stAng" val="261"/>
                              <dgm:param type="spanAng" val="-90"/>
                            </dgm:alg>
                          </dgm:if>
                          <dgm:else name="Name270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271" axis="ch" ptType="node" func="cnt" op="equ" val="6">
                        <dgm:choose name="Name272">
                          <dgm:if name="Name273" axis="ch ch" ptType="node node" st="3 1" cnt="1 0" func="cnt" op="equ" val="1">
                            <dgm:alg type="cycle">
                              <dgm:param type="ctrShpMap" val="fNode"/>
                              <dgm:param type="stAng" val="240"/>
                            </dgm:alg>
                          </dgm:if>
                          <dgm:if name="Name274" axis="ch ch" ptType="node node" st="3 1" cnt="1 0" func="cnt" op="equ" val="2">
                            <dgm:alg type="cycle">
                              <dgm:param type="ctrShpMap" val="fNode"/>
                              <dgm:param type="stAng" val="285"/>
                              <dgm:param type="spanAng" val="-90"/>
                            </dgm:alg>
                          </dgm:if>
                          <dgm:else name="Name275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276" axis="ch" ptType="node" func="cnt" op="gte" val="7">
                        <dgm:choose name="Name277">
                          <dgm:if name="Name278" axis="ch ch" ptType="node node" st="3 1" cnt="1 0" func="cnt" op="equ" val="1">
                            <dgm:alg type="cycle">
                              <dgm:param type="ctrShpMap" val="fNode"/>
                              <dgm:param type="stAng" val="257"/>
                            </dgm:alg>
                          </dgm:if>
                          <dgm:if name="Name279" axis="ch ch" ptType="node node" st="3 1" cnt="1 0" func="cnt" op="equ" val="2">
                            <dgm:alg type="cycle">
                              <dgm:param type="ctrShpMap" val="fNode"/>
                              <dgm:param type="stAng" val="302"/>
                              <dgm:param type="spanAng" val="-90"/>
                            </dgm:alg>
                          </dgm:if>
                          <dgm:else name="Name280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281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282" axis="ch" ptType="node" st="3" cnt="1">
                  <dgm:layoutNode name="childCenter3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283" axis="ch">
                    <dgm:forEach name="Name284" axis="self" ptType="parTrans">
                      <dgm:layoutNode name="Name285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286" axis="self" ptType="node">
                      <dgm:layoutNode name="text3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287" axis="ch" ptType="parTrans" st="3" cnt="1">
                <dgm:layoutNode name="Name288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3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289"/>
          </dgm:choose>
          <dgm:choose name="Name290">
            <dgm:if name="Name291" axis="ch" ptType="node" func="cnt" op="gte" val="4">
              <dgm:layoutNode name="cycle_4">
                <dgm:choose name="Name292">
                  <dgm:if name="Name293" func="var" arg="dir" op="equ" val="norm">
                    <dgm:choose name="Name294">
                      <dgm:if name="Name295" axis="ch" ptType="node" func="cnt" op="equ" val="4">
                        <dgm:choose name="Name296">
                          <dgm:if name="Name297" axis="ch ch" ptType="node node" st="4 1" cnt="1 0" func="cnt" op="equ" val="1">
                            <dgm:alg type="cycle">
                              <dgm:param type="ctrShpMap" val="fNode"/>
                              <dgm:param type="stAng" val="270"/>
                            </dgm:alg>
                          </dgm:if>
                          <dgm:if name="Name298" axis="ch ch" ptType="node node" st="4 1" cnt="1 0" func="cnt" op="equ" val="2">
                            <dgm:alg type="cycle">
                              <dgm:param type="ctrShpMap" val="fNode"/>
                              <dgm:param type="stAng" val="225"/>
                              <dgm:param type="spanAng" val="90"/>
                            </dgm:alg>
                          </dgm:if>
                          <dgm:else name="Name299">
                            <dgm:alg type="cycle">
                              <dgm:param type="ctrShpMap" val="fNode"/>
                              <dgm:param type="stAng" val="202.5"/>
                              <dgm:param type="spanAng" val="135"/>
                            </dgm:alg>
                          </dgm:else>
                        </dgm:choose>
                      </dgm:if>
                      <dgm:if name="Name300" axis="ch" ptType="node" func="cnt" op="equ" val="5">
                        <dgm:choose name="Name301">
                          <dgm:if name="Name302" axis="ch ch" ptType="node node" st="4 1" cnt="1 0" func="cnt" op="equ" val="1">
                            <dgm:alg type="cycle">
                              <dgm:param type="ctrShpMap" val="fNode"/>
                              <dgm:param type="stAng" val="216"/>
                            </dgm:alg>
                          </dgm:if>
                          <dgm:if name="Name303" axis="ch ch" ptType="node node" st="4 1" cnt="1 0" func="cnt" op="equ" val="2">
                            <dgm:alg type="cycle">
                              <dgm:param type="ctrShpMap" val="fNode"/>
                              <dgm:param type="stAng" val="171"/>
                              <dgm:param type="spanAng" val="90"/>
                            </dgm:alg>
                          </dgm:if>
                          <dgm:else name="Name304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305" axis="ch" ptType="node" func="cnt" op="equ" val="6">
                        <dgm:choose name="Name306">
                          <dgm:if name="Name307" axis="ch ch" ptType="node node" st="4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308" axis="ch ch" ptType="node node" st="4 1" cnt="1 0" func="cnt" op="equ" val="2">
                            <dgm:alg type="cycle">
                              <dgm:param type="ctrShpMap" val="fNode"/>
                              <dgm:param type="stAng" val="135"/>
                              <dgm:param type="spanAng" val="90"/>
                            </dgm:alg>
                          </dgm:if>
                          <dgm:else name="Name309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310" axis="ch" ptType="node" func="cnt" op="gte" val="7">
                        <dgm:choose name="Name311">
                          <dgm:if name="Name312" axis="ch ch" ptType="node node" st="4 1" cnt="1 0" func="cnt" op="equ" val="1">
                            <dgm:alg type="cycle">
                              <dgm:param type="ctrShpMap" val="fNode"/>
                              <dgm:param type="stAng" val="154"/>
                            </dgm:alg>
                          </dgm:if>
                          <dgm:if name="Name313" axis="ch ch" ptType="node node" st="4 1" cnt="1 0" func="cnt" op="equ" val="2">
                            <dgm:alg type="cycle">
                              <dgm:param type="ctrShpMap" val="fNode"/>
                              <dgm:param type="stAng" val="109"/>
                              <dgm:param type="spanAng" val="90"/>
                            </dgm:alg>
                          </dgm:if>
                          <dgm:else name="Name314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315"/>
                    </dgm:choose>
                  </dgm:if>
                  <dgm:else name="Name316">
                    <dgm:choose name="Name317">
                      <dgm:if name="Name318" axis="ch" ptType="node" func="cnt" op="equ" val="4">
                        <dgm:choose name="Name319">
                          <dgm:if name="Name320" axis="ch ch" ptType="node node" st="4 1" cnt="1 0" func="cnt" op="equ" val="1">
                            <dgm:alg type="cycle">
                              <dgm:param type="ctrShpMap" val="fNode"/>
                              <dgm:param type="stAng" val="90"/>
                            </dgm:alg>
                          </dgm:if>
                          <dgm:if name="Name321" axis="ch ch" ptType="node node" st="4 1" cnt="1 0" func="cnt" op="equ" val="2">
                            <dgm:alg type="cycle">
                              <dgm:param type="ctrShpMap" val="fNode"/>
                              <dgm:param type="stAng" val="135"/>
                              <dgm:param type="spanAng" val="-90"/>
                            </dgm:alg>
                          </dgm:if>
                          <dgm:else name="Name322">
                            <dgm:alg type="cycle">
                              <dgm:param type="ctrShpMap" val="fNode"/>
                              <dgm:param type="stAng" val="157.5"/>
                              <dgm:param type="spanAng" val="-135"/>
                            </dgm:alg>
                          </dgm:else>
                        </dgm:choose>
                      </dgm:if>
                      <dgm:if name="Name323" axis="ch" ptType="node" func="cnt" op="equ" val="5">
                        <dgm:choose name="Name324">
                          <dgm:if name="Name325" axis="ch ch" ptType="node node" st="4 1" cnt="1 0" func="cnt" op="equ" val="1">
                            <dgm:alg type="cycle">
                              <dgm:param type="ctrShpMap" val="fNode"/>
                              <dgm:param type="stAng" val="144"/>
                            </dgm:alg>
                          </dgm:if>
                          <dgm:if name="Name326" axis="ch ch" ptType="node node" st="4 1" cnt="1 0" func="cnt" op="equ" val="2">
                            <dgm:alg type="cycle">
                              <dgm:param type="ctrShpMap" val="fNode"/>
                              <dgm:param type="stAng" val="189"/>
                              <dgm:param type="spanAng" val="-90"/>
                            </dgm:alg>
                          </dgm:if>
                          <dgm:else name="Name327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328" axis="ch" ptType="node" func="cnt" op="equ" val="6">
                        <dgm:choose name="Name329">
                          <dgm:if name="Name330" axis="ch ch" ptType="node node" st="4 1" cnt="1 0" func="cnt" op="equ" val="1">
                            <dgm:alg type="cycle">
                              <dgm:param type="ctrShpMap" val="fNode"/>
                              <dgm:param type="stAng" val="180"/>
                            </dgm:alg>
                          </dgm:if>
                          <dgm:if name="Name331" axis="ch ch" ptType="node node" st="4 1" cnt="1 0" func="cnt" op="equ" val="2">
                            <dgm:alg type="cycle">
                              <dgm:param type="ctrShpMap" val="fNode"/>
                              <dgm:param type="stAng" val="225"/>
                              <dgm:param type="spanAng" val="-90"/>
                            </dgm:alg>
                          </dgm:if>
                          <dgm:else name="Name332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333" axis="ch" ptType="node" func="cnt" op="gte" val="7">
                        <dgm:choose name="Name334">
                          <dgm:if name="Name335" axis="ch ch" ptType="node node" st="4 1" cnt="1 0" func="cnt" op="equ" val="1">
                            <dgm:alg type="cycle">
                              <dgm:param type="ctrShpMap" val="fNode"/>
                              <dgm:param type="stAng" val="205"/>
                            </dgm:alg>
                          </dgm:if>
                          <dgm:if name="Name336" axis="ch ch" ptType="node node" st="4 1" cnt="1 0" func="cnt" op="equ" val="2">
                            <dgm:alg type="cycle">
                              <dgm:param type="ctrShpMap" val="fNode"/>
                              <dgm:param type="stAng" val="250"/>
                              <dgm:param type="spanAng" val="-90"/>
                            </dgm:alg>
                          </dgm:if>
                          <dgm:else name="Name337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338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339" axis="ch" ptType="node" st="4" cnt="1">
                  <dgm:layoutNode name="childCenter4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340" axis="ch">
                    <dgm:forEach name="Name341" axis="self" ptType="parTrans">
                      <dgm:layoutNode name="Name342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343" axis="self" ptType="node">
                      <dgm:layoutNode name="text4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344" axis="ch" ptType="parTrans" st="4" cnt="1">
                <dgm:layoutNode name="Name345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4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346"/>
          </dgm:choose>
          <dgm:choose name="Name347">
            <dgm:if name="Name348" axis="ch" ptType="node" func="cnt" op="gte" val="5">
              <dgm:layoutNode name="cycle_5">
                <dgm:choose name="Name349">
                  <dgm:if name="Name350" func="var" arg="dir" op="equ" val="norm">
                    <dgm:choose name="Name351">
                      <dgm:if name="Name352" axis="ch" ptType="node" func="cnt" op="equ" val="5">
                        <dgm:choose name="Name353">
                          <dgm:if name="Name354" axis="ch ch" ptType="node node" st="5 1" cnt="1 0" func="cnt" op="equ" val="1">
                            <dgm:alg type="cycle">
                              <dgm:param type="ctrShpMap" val="fNode"/>
                              <dgm:param type="stAng" val="288"/>
                            </dgm:alg>
                          </dgm:if>
                          <dgm:if name="Name355" axis="ch ch" ptType="node node" st="5 1" cnt="1 0" func="cnt" op="equ" val="2">
                            <dgm:alg type="cycle">
                              <dgm:param type="ctrShpMap" val="fNode"/>
                              <dgm:param type="stAng" val="243"/>
                              <dgm:param type="spanAng" val="90"/>
                            </dgm:alg>
                          </dgm:if>
                          <dgm:else name="Name356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357" axis="ch" ptType="node" func="cnt" op="equ" val="6">
                        <dgm:choose name="Name358">
                          <dgm:if name="Name359" axis="ch ch" ptType="node node" st="5 1" cnt="1 0" func="cnt" op="equ" val="1">
                            <dgm:alg type="cycle">
                              <dgm:param type="ctrShpMap" val="fNode"/>
                              <dgm:param type="stAng" val="240"/>
                            </dgm:alg>
                          </dgm:if>
                          <dgm:if name="Name360" axis="ch ch" ptType="node node" st="5 1" cnt="1 0" func="cnt" op="equ" val="2">
                            <dgm:alg type="cycle">
                              <dgm:param type="ctrShpMap" val="fNode"/>
                              <dgm:param type="stAng" val="195"/>
                              <dgm:param type="spanAng" val="90"/>
                            </dgm:alg>
                          </dgm:if>
                          <dgm:else name="Name361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362" axis="ch" ptType="node" func="cnt" op="gte" val="7">
                        <dgm:choose name="Name363">
                          <dgm:if name="Name364" axis="ch ch" ptType="node node" st="5 1" cnt="1 0" func="cnt" op="equ" val="1">
                            <dgm:alg type="cycle">
                              <dgm:param type="ctrShpMap" val="fNode"/>
                              <dgm:param type="stAng" val="205"/>
                            </dgm:alg>
                          </dgm:if>
                          <dgm:if name="Name365" axis="ch ch" ptType="node node" st="5 1" cnt="1 0" func="cnt" op="equ" val="2">
                            <dgm:alg type="cycle">
                              <dgm:param type="ctrShpMap" val="fNode"/>
                              <dgm:param type="stAng" val="160"/>
                              <dgm:param type="spanAng" val="90"/>
                            </dgm:alg>
                          </dgm:if>
                          <dgm:else name="Name366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367"/>
                    </dgm:choose>
                  </dgm:if>
                  <dgm:else name="Name368">
                    <dgm:choose name="Name369">
                      <dgm:if name="Name370" axis="ch" ptType="node" func="cnt" op="equ" val="5">
                        <dgm:choose name="Name371">
                          <dgm:if name="Name372" axis="ch ch" ptType="node node" st="5 1" cnt="1 0" func="cnt" op="equ" val="1">
                            <dgm:alg type="cycle">
                              <dgm:param type="ctrShpMap" val="fNode"/>
                              <dgm:param type="stAng" val="72"/>
                            </dgm:alg>
                          </dgm:if>
                          <dgm:if name="Name373" axis="ch ch" ptType="node node" st="5 1" cnt="1 0" func="cnt" op="equ" val="2">
                            <dgm:alg type="cycle">
                              <dgm:param type="ctrShpMap" val="fNode"/>
                              <dgm:param type="stAng" val="117"/>
                              <dgm:param type="spanAng" val="-90"/>
                            </dgm:alg>
                          </dgm:if>
                          <dgm:else name="Name374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375" axis="ch" ptType="node" func="cnt" op="equ" val="6">
                        <dgm:choose name="Name376">
                          <dgm:if name="Name377" axis="ch ch" ptType="node node" st="5 1" cnt="1 0" func="cnt" op="equ" val="1">
                            <dgm:alg type="cycle">
                              <dgm:param type="ctrShpMap" val="fNode"/>
                              <dgm:param type="stAng" val="120"/>
                            </dgm:alg>
                          </dgm:if>
                          <dgm:if name="Name378" axis="ch ch" ptType="node node" st="5 1" cnt="1 0" func="cnt" op="equ" val="2">
                            <dgm:alg type="cycle">
                              <dgm:param type="ctrShpMap" val="fNode"/>
                              <dgm:param type="stAng" val="165"/>
                              <dgm:param type="spanAng" val="-90"/>
                            </dgm:alg>
                          </dgm:if>
                          <dgm:else name="Name379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380" axis="ch" ptType="node" func="cnt" op="gte" val="7">
                        <dgm:choose name="Name381">
                          <dgm:if name="Name382" axis="ch ch" ptType="node node" st="5 1" cnt="1 0" func="cnt" op="equ" val="1">
                            <dgm:alg type="cycle">
                              <dgm:param type="ctrShpMap" val="fNode"/>
                              <dgm:param type="stAng" val="154"/>
                            </dgm:alg>
                          </dgm:if>
                          <dgm:if name="Name383" axis="ch ch" ptType="node node" st="5 1" cnt="1 0" func="cnt" op="equ" val="2">
                            <dgm:alg type="cycle">
                              <dgm:param type="ctrShpMap" val="fNode"/>
                              <dgm:param type="stAng" val="199"/>
                              <dgm:param type="spanAng" val="-90"/>
                            </dgm:alg>
                          </dgm:if>
                          <dgm:else name="Name384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385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386" axis="ch" ptType="node" st="5" cnt="1">
                  <dgm:layoutNode name="childCenter5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387" axis="ch">
                    <dgm:forEach name="Name388" axis="self" ptType="parTrans">
                      <dgm:layoutNode name="Name389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390" axis="self" ptType="node">
                      <dgm:layoutNode name="text5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391" axis="ch" ptType="parTrans" st="5" cnt="1">
                <dgm:layoutNode name="Name392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5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393"/>
          </dgm:choose>
          <dgm:choose name="Name394">
            <dgm:if name="Name395" axis="ch" ptType="node" func="cnt" op="gte" val="6">
              <dgm:layoutNode name="cycle_6">
                <dgm:choose name="Name396">
                  <dgm:if name="Name397" func="var" arg="dir" op="equ" val="norm">
                    <dgm:choose name="Name398">
                      <dgm:if name="Name399" axis="ch" ptType="node" func="cnt" op="equ" val="6">
                        <dgm:choose name="Name400">
                          <dgm:if name="Name401" axis="ch ch" ptType="node node" st="6 1" cnt="1 0" func="cnt" op="equ" val="1">
                            <dgm:alg type="cycle">
                              <dgm:param type="ctrShpMap" val="fNode"/>
                              <dgm:param type="stAng" val="300"/>
                            </dgm:alg>
                          </dgm:if>
                          <dgm:if name="Name402" axis="ch ch" ptType="node node" st="6 1" cnt="1 0" func="cnt" op="equ" val="2">
                            <dgm:alg type="cycle">
                              <dgm:param type="ctrShpMap" val="fNode"/>
                              <dgm:param type="stAng" val="255"/>
                              <dgm:param type="spanAng" val="90"/>
                            </dgm:alg>
                          </dgm:if>
                          <dgm:else name="Name403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if name="Name404" axis="ch" ptType="node" func="cnt" op="gte" val="7">
                        <dgm:choose name="Name405">
                          <dgm:if name="Name406" axis="ch ch" ptType="node node" st="6 1" cnt="1 0" func="cnt" op="equ" val="1">
                            <dgm:alg type="cycle">
                              <dgm:param type="ctrShpMap" val="fNode"/>
                              <dgm:param type="stAng" val="257"/>
                            </dgm:alg>
                          </dgm:if>
                          <dgm:if name="Name407" axis="ch ch" ptType="node node" st="6 1" cnt="1 0" func="cnt" op="equ" val="2">
                            <dgm:alg type="cycle">
                              <dgm:param type="ctrShpMap" val="fNode"/>
                              <dgm:param type="stAng" val="212"/>
                              <dgm:param type="spanAng" val="90"/>
                            </dgm:alg>
                          </dgm:if>
                          <dgm:else name="Name408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409"/>
                    </dgm:choose>
                  </dgm:if>
                  <dgm:else name="Name410">
                    <dgm:choose name="Name411">
                      <dgm:if name="Name412" axis="ch" ptType="node" func="cnt" op="equ" val="6">
                        <dgm:choose name="Name413">
                          <dgm:if name="Name414" axis="ch ch" ptType="node node" st="6 1" cnt="1 0" func="cnt" op="equ" val="1">
                            <dgm:alg type="cycle">
                              <dgm:param type="ctrShpMap" val="fNode"/>
                              <dgm:param type="stAng" val="60"/>
                            </dgm:alg>
                          </dgm:if>
                          <dgm:if name="Name415" axis="ch ch" ptType="node node" st="6 1" cnt="1 0" func="cnt" op="equ" val="2">
                            <dgm:alg type="cycle">
                              <dgm:param type="ctrShpMap" val="fNode"/>
                              <dgm:param type="stAng" val="105"/>
                              <dgm:param type="spanAng" val="-90"/>
                            </dgm:alg>
                          </dgm:if>
                          <dgm:else name="Name416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if name="Name417" axis="ch" ptType="node" func="cnt" op="gte" val="7">
                        <dgm:choose name="Name418">
                          <dgm:if name="Name419" axis="ch ch" ptType="node node" st="6 1" cnt="1 0" func="cnt" op="equ" val="1">
                            <dgm:alg type="cycle">
                              <dgm:param type="ctrShpMap" val="fNode"/>
                              <dgm:param type="stAng" val="102"/>
                            </dgm:alg>
                          </dgm:if>
                          <dgm:if name="Name420" axis="ch ch" ptType="node node" st="6 1" cnt="1 0" func="cnt" op="equ" val="2">
                            <dgm:alg type="cycle">
                              <dgm:param type="ctrShpMap" val="fNode"/>
                              <dgm:param type="stAng" val="147"/>
                              <dgm:param type="spanAng" val="-90"/>
                            </dgm:alg>
                          </dgm:if>
                          <dgm:else name="Name421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422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423" axis="ch" ptType="node" st="6" cnt="1">
                  <dgm:layoutNode name="childCenter6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424" axis="ch">
                    <dgm:forEach name="Name425" axis="self" ptType="parTrans">
                      <dgm:layoutNode name="Name426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427" axis="self" ptType="node">
                      <dgm:layoutNode name="text6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428" axis="ch" ptType="parTrans" st="6" cnt="1">
                <dgm:layoutNode name="Name429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6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430"/>
          </dgm:choose>
          <dgm:choose name="Name431">
            <dgm:if name="Name432" axis="ch" ptType="node" func="cnt" op="gte" val="7">
              <dgm:layoutNode name="cycle_7">
                <dgm:choose name="Name433">
                  <dgm:if name="Name434" func="var" arg="dir" op="equ" val="norm">
                    <dgm:choose name="Name435">
                      <dgm:if name="Name436" axis="ch" ptType="node" func="cnt" op="gte" val="7">
                        <dgm:choose name="Name437">
                          <dgm:if name="Name438" axis="ch ch" ptType="node node" st="7 1" cnt="1 0" func="cnt" op="equ" val="1">
                            <dgm:alg type="cycle">
                              <dgm:param type="ctrShpMap" val="fNode"/>
                              <dgm:param type="stAng" val="308"/>
                            </dgm:alg>
                          </dgm:if>
                          <dgm:if name="Name439" axis="ch ch" ptType="node node" st="7 1" cnt="1 0" func="cnt" op="equ" val="2">
                            <dgm:alg type="cycle">
                              <dgm:param type="ctrShpMap" val="fNode"/>
                              <dgm:param type="stAng" val="263"/>
                              <dgm:param type="spanAng" val="90"/>
                            </dgm:alg>
                          </dgm:if>
                          <dgm:else name="Name440">
                            <dgm:alg type="cycle">
                              <dgm:param type="ctrShpMap" val="fNode"/>
                              <dgm:param type="stAng" val="0"/>
                              <dgm:param type="spanAng" val="360"/>
                            </dgm:alg>
                          </dgm:else>
                        </dgm:choose>
                      </dgm:if>
                      <dgm:else name="Name441"/>
                    </dgm:choose>
                  </dgm:if>
                  <dgm:else name="Name442">
                    <dgm:choose name="Name443">
                      <dgm:if name="Name444" axis="ch" ptType="node" func="cnt" op="gte" val="7">
                        <dgm:choose name="Name445">
                          <dgm:if name="Name446" axis="ch ch" ptType="node node" st="7 1" cnt="1 0" func="cnt" op="equ" val="1">
                            <dgm:alg type="cycle">
                              <dgm:param type="ctrShpMap" val="fNode"/>
                              <dgm:param type="stAng" val="51"/>
                            </dgm:alg>
                          </dgm:if>
                          <dgm:if name="Name447" axis="ch ch" ptType="node node" st="7 1" cnt="1 0" func="cnt" op="equ" val="2">
                            <dgm:alg type="cycle">
                              <dgm:param type="ctrShpMap" val="fNode"/>
                              <dgm:param type="stAng" val="96"/>
                              <dgm:param type="spanAng" val="-90"/>
                            </dgm:alg>
                          </dgm:if>
                          <dgm:else name="Name448">
                            <dgm:alg type="cycle">
                              <dgm:param type="ctrShpMap" val="fNode"/>
                              <dgm:param type="stAng" val="0"/>
                              <dgm:param type="spanAng" val="-360"/>
                            </dgm:alg>
                          </dgm:else>
                        </dgm:choose>
                      </dgm:if>
                      <dgm:else name="Name449"/>
                    </dgm:choose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>
                  <dgm:constr type="sp" refType="w" fact="0.1"/>
                  <dgm:constr type="sibSp" refType="w" fact="0.1"/>
                </dgm:constrLst>
                <dgm:forEach name="Name450" axis="ch" ptType="node" st="7" cnt="1">
                  <dgm:layoutNode name="childCenter7" styleLbl="node1">
                    <dgm:alg type="tx"/>
                    <dgm:shape xmlns:r="http://schemas.openxmlformats.org/officeDocument/2006/relationships" type="roundRect" r:blip="">
                      <dgm:adjLst/>
                    </dgm:shape>
                    <dgm:presOf axis="self" ptType="node"/>
                    <dgm:constrLst>
                      <dgm:constr type="userS"/>
                      <dgm:constr type="w" refType="userS"/>
                      <dgm:constr type="h" refType="w"/>
                      <dgm:constr type="tMarg" refType="primFontSz" fact="0.2"/>
                      <dgm:constr type="bMarg" refType="primFontSz" fact="0.2"/>
                      <dgm:constr type="lMarg" refType="primFontSz" fact="0.2"/>
                      <dgm:constr type="rMarg" refType="primFontSz" fact="0.2"/>
                    </dgm:constrLst>
                    <dgm:ruleLst>
                      <dgm:rule type="primFontSz" val="5" fact="NaN" max="NaN"/>
                    </dgm:ruleLst>
                  </dgm:layoutNode>
                  <dgm:forEach name="Name451" axis="ch">
                    <dgm:forEach name="Name452" axis="self" ptType="parTrans">
                      <dgm:layoutNode name="Name453">
                        <dgm:alg type="conn">
                          <dgm:param type="dim" val="1D"/>
                          <dgm:param type="begPts" val="auto"/>
                          <dgm:param type="endPts" val="auto"/>
                          <dgm:param type="begSty" val="noArr"/>
                          <dgm:param type="endSty" val="noArr"/>
                        </dgm:alg>
                        <dgm:shape xmlns:r="http://schemas.openxmlformats.org/officeDocument/2006/relationships" type="conn" r:blip="">
                          <dgm:adjLst/>
                        </dgm:shape>
                        <dgm:presOf axis="self"/>
                        <dgm:constrLst>
                          <dgm:constr type="begPad"/>
                          <dgm:constr type="endPad"/>
                        </dgm:constrLst>
                      </dgm:layoutNode>
                    </dgm:forEach>
                    <dgm:forEach name="Name454" axis="self" ptType="node">
                      <dgm:layoutNode name="text7" styleLbl="node1">
                        <dgm:varLst>
                          <dgm:bulletEnabled val="1"/>
                        </dgm:varLst>
                        <dgm:alg type="tx"/>
                        <dgm:shape xmlns:r="http://schemas.openxmlformats.org/officeDocument/2006/relationships" type="roundRect" r:blip="">
                          <dgm:adjLst/>
                        </dgm:shape>
                        <dgm:presOf axis="desOrSelf" ptType="node"/>
                        <dgm:constrLst>
                          <dgm:constr type="userS"/>
                          <dgm:constr type="w" refType="userS"/>
                          <dgm:constr type="h" refType="w"/>
                          <dgm:constr type="tMarg" refType="primFontSz" fact="0.2"/>
                          <dgm:constr type="bMarg" refType="primFontSz" fact="0.2"/>
                          <dgm:constr type="lMarg" refType="primFontSz" fact="0.2"/>
                          <dgm:constr type="rMarg" refType="primFontSz" fact="0.2"/>
                        </dgm:constrLst>
                        <dgm:ruleLst>
                          <dgm:rule type="primFontSz" val="5" fact="NaN" max="NaN"/>
                        </dgm:ruleLst>
                      </dgm:layoutNode>
                    </dgm:forEach>
                  </dgm:forEach>
                </dgm:forEach>
              </dgm:layoutNode>
              <dgm:forEach name="Name455" axis="ch" ptType="parTrans" st="7" cnt="1">
                <dgm:layoutNode name="Name456">
                  <dgm:alg type="conn">
                    <dgm:param type="dim" val="1D"/>
                    <dgm:param type="begPts" val="auto"/>
                    <dgm:param type="endPts" val="auto"/>
                    <dgm:param type="endSty" val="noArr"/>
                    <dgm:param type="srcNode" val="textCenter"/>
                    <dgm:param type="dstNode" val="childCenter7"/>
                  </dgm:alg>
                  <dgm:shape xmlns:r="http://schemas.openxmlformats.org/officeDocument/2006/relationships" type="conn" r:blip="" zOrderOff="-999">
                    <dgm:adjLst/>
                  </dgm:shape>
                  <dgm:presOf axis="self"/>
                  <dgm:constrLst>
                    <dgm:constr type="h"/>
                    <dgm:constr type="begPad"/>
                    <dgm:constr type="endPad"/>
                  </dgm:constrLst>
                </dgm:layoutNode>
              </dgm:forEach>
            </dgm:if>
            <dgm:else name="Name457"/>
          </dgm:choose>
        </dgm:else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5"/>
            <a:ext cx="4301704" cy="718096"/>
          </a:xfrm>
          <a:prstGeom prst="rect">
            <a:avLst/>
          </a:prstGeom>
        </p:spPr>
        <p:txBody>
          <a:bodyPr vert="horz" lIns="133493" tIns="66747" rIns="133493" bIns="66747" rtlCol="0"/>
          <a:lstStyle>
            <a:lvl1pPr algn="l">
              <a:defRPr sz="1800"/>
            </a:lvl1pPr>
          </a:lstStyle>
          <a:p>
            <a:endParaRPr lang="fr-CH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5623343" y="5"/>
            <a:ext cx="4301702" cy="718096"/>
          </a:xfrm>
          <a:prstGeom prst="rect">
            <a:avLst/>
          </a:prstGeom>
        </p:spPr>
        <p:txBody>
          <a:bodyPr vert="horz" lIns="133493" tIns="66747" rIns="133493" bIns="66747" rtlCol="0"/>
          <a:lstStyle>
            <a:lvl1pPr algn="r">
              <a:defRPr sz="1800"/>
            </a:lvl1pPr>
          </a:lstStyle>
          <a:p>
            <a:fld id="{57F2BF46-5275-48DB-823D-251649EEC9AC}" type="datetimeFigureOut">
              <a:rPr lang="fr-CH" smtClean="0"/>
              <a:t>10.12.2024</a:t>
            </a:fld>
            <a:endParaRPr lang="fr-CH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13583698"/>
            <a:ext cx="4301704" cy="718094"/>
          </a:xfrm>
          <a:prstGeom prst="rect">
            <a:avLst/>
          </a:prstGeom>
        </p:spPr>
        <p:txBody>
          <a:bodyPr vert="horz" lIns="133493" tIns="66747" rIns="133493" bIns="66747" rtlCol="0" anchor="b"/>
          <a:lstStyle>
            <a:lvl1pPr algn="l">
              <a:defRPr sz="1800"/>
            </a:lvl1pPr>
          </a:lstStyle>
          <a:p>
            <a:endParaRPr lang="fr-CH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5623343" y="13583698"/>
            <a:ext cx="4301702" cy="718094"/>
          </a:xfrm>
          <a:prstGeom prst="rect">
            <a:avLst/>
          </a:prstGeom>
        </p:spPr>
        <p:txBody>
          <a:bodyPr vert="horz" lIns="133493" tIns="66747" rIns="133493" bIns="66747" rtlCol="0" anchor="b"/>
          <a:lstStyle>
            <a:lvl1pPr algn="r">
              <a:defRPr sz="1800"/>
            </a:lvl1pPr>
          </a:lstStyle>
          <a:p>
            <a:fld id="{BE67874E-19EB-4949-BC15-6CC7E1FFAF07}" type="slidenum">
              <a:rPr lang="fr-CH" smtClean="0"/>
              <a:t>‹#›</a:t>
            </a:fld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380524615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5262481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69988" y="1738313"/>
            <a:ext cx="8342312" cy="46926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1068412" y="6694422"/>
            <a:ext cx="8545559" cy="5476367"/>
          </a:xfrm>
          <a:prstGeom prst="rect">
            <a:avLst/>
          </a:prstGeom>
        </p:spPr>
        <p:txBody>
          <a:bodyPr lIns="133493" tIns="66747" rIns="133493" bIns="66747"/>
          <a:lstStyle/>
          <a:p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338494626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69988" y="1738313"/>
            <a:ext cx="8342312" cy="46926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1068412" y="6694422"/>
            <a:ext cx="8545559" cy="5476367"/>
          </a:xfrm>
          <a:prstGeom prst="rect">
            <a:avLst/>
          </a:prstGeom>
        </p:spPr>
        <p:txBody>
          <a:bodyPr lIns="133493" tIns="66747" rIns="133493" bIns="66747"/>
          <a:lstStyle/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039810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69988" y="1738313"/>
            <a:ext cx="8342312" cy="46926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1068412" y="6694422"/>
            <a:ext cx="8545559" cy="5476367"/>
          </a:xfrm>
          <a:prstGeom prst="rect">
            <a:avLst/>
          </a:prstGeom>
        </p:spPr>
        <p:txBody>
          <a:bodyPr lIns="133493" tIns="66747" rIns="133493" bIns="66747"/>
          <a:lstStyle/>
          <a:p>
            <a:pPr marL="0" indent="0">
              <a:buFont typeface="Arial"/>
              <a:buNone/>
            </a:pPr>
            <a:r>
              <a:rPr lang="en-US" b="1" dirty="0"/>
              <a:t>Hospitality Mindset</a:t>
            </a:r>
            <a:r>
              <a:rPr lang="en-US" dirty="0"/>
              <a:t>: Embracing a culture of service and international collaboration.</a:t>
            </a:r>
          </a:p>
          <a:p>
            <a:pPr marL="0" indent="0">
              <a:buFont typeface="Arial"/>
              <a:buNone/>
            </a:pPr>
            <a:r>
              <a:rPr lang="en-US" b="1" dirty="0"/>
              <a:t>Industry Connections</a:t>
            </a:r>
            <a:r>
              <a:rPr lang="en-US" dirty="0"/>
              <a:t>: Building strong partnerships with the hospitality sector.</a:t>
            </a:r>
          </a:p>
          <a:p>
            <a:pPr marL="0" indent="0">
              <a:buFont typeface="Arial"/>
              <a:buNone/>
            </a:pPr>
            <a:r>
              <a:rPr lang="en-US" b="1" dirty="0"/>
              <a:t>Combination of Art &amp; Science</a:t>
            </a:r>
            <a:r>
              <a:rPr lang="en-US" dirty="0"/>
              <a:t>: Balancing practical skills with academic excellence.</a:t>
            </a:r>
          </a:p>
          <a:p>
            <a:pPr marL="0" indent="0">
              <a:buFont typeface="Arial"/>
              <a:buNone/>
            </a:pPr>
            <a:r>
              <a:rPr lang="en-US" b="1" dirty="0"/>
              <a:t>Institutional Commitment</a:t>
            </a:r>
            <a:r>
              <a:rPr lang="en-US" dirty="0"/>
              <a:t>: Ensuring continuous improvement and educational quality.</a:t>
            </a:r>
          </a:p>
          <a:p>
            <a:pPr marL="0" indent="0">
              <a:buFont typeface="Arial"/>
              <a:buNone/>
            </a:pPr>
            <a:endParaRPr lang="en-US" dirty="0"/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Experiential Education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Learning from experience involves being open to new situations and perspectives, integrating these ideas, and being able to experiment in real-world situations</a:t>
            </a:r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A Social Learning Context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Learning is a social process and to be successful at EHL and in the business world, students learn to work together throughout their studies.</a:t>
            </a:r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Leadership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EHL students learn to become leaders, not just managers. Leadership involves influencing others to achieve a common goal.</a:t>
            </a:r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An Awareness of and Appreciation for Lifelong Learning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An EHL education provides students with an awareness that learning is a lifelong process. EHL graduates obtain the skills and drive necessary to continue to learn long after their academic journey at EHL.</a:t>
            </a:r>
          </a:p>
          <a:p>
            <a:pPr marL="0" indent="0">
              <a:buFont typeface="Arial"/>
              <a:buNone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2144152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73100" y="1789113"/>
            <a:ext cx="8580438" cy="4826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992827" y="6883702"/>
            <a:ext cx="7940990" cy="5631204"/>
          </a:xfrm>
          <a:prstGeom prst="rect">
            <a:avLst/>
          </a:prstGeom>
        </p:spPr>
        <p:txBody>
          <a:bodyPr lIns="133493" tIns="66747" rIns="133493" bIns="66747"/>
          <a:lstStyle/>
          <a:p>
            <a:r>
              <a:rPr lang="en-US" sz="1800" b="1"/>
              <a:t>These are the ingredients we consider important</a:t>
            </a:r>
          </a:p>
          <a:p>
            <a:endParaRPr lang="en-US" sz="1800" b="1"/>
          </a:p>
          <a:p>
            <a:r>
              <a:rPr lang="en-US" sz="1800" b="1"/>
              <a:t>=&gt; Quality is systemic =&gt; role of “quality department” is to foster and support quality processes</a:t>
            </a:r>
          </a:p>
          <a:p>
            <a:endParaRPr lang="en-US" sz="1800"/>
          </a:p>
          <a:p>
            <a:r>
              <a:rPr lang="en-US" sz="1800"/>
              <a:t>Start with the mission: identification / clear purpose</a:t>
            </a:r>
          </a:p>
          <a:p>
            <a:endParaRPr lang="en-US" sz="1800"/>
          </a:p>
          <a:p>
            <a:r>
              <a:rPr lang="en-US" sz="1800"/>
              <a:t>Empowerment and accountability: vs culture of control / also encourage people to feel secure talking about areas of improvement</a:t>
            </a:r>
          </a:p>
          <a:p>
            <a:endParaRPr lang="en-US" sz="1800"/>
          </a:p>
          <a:p>
            <a:r>
              <a:rPr lang="en-US" sz="1800"/>
              <a:t>Leaders and ambassadors: strong message from top management / champions</a:t>
            </a:r>
          </a:p>
          <a:p>
            <a:endParaRPr lang="en-US" sz="1800"/>
          </a:p>
          <a:p>
            <a:r>
              <a:rPr lang="en-US" sz="1800"/>
              <a:t>Communication: value good practices &amp; communicate about steps towards improvement (be humble/candid about what needs to be improve)</a:t>
            </a:r>
          </a:p>
          <a:p>
            <a:endParaRPr lang="en-US" sz="1800"/>
          </a:p>
          <a:p>
            <a:r>
              <a:rPr lang="en-US" sz="1800"/>
              <a:t>Collaborative and inclusive mindset: should come as a result / quality is institutional – not a task from a department or person (QM)</a:t>
            </a:r>
          </a:p>
          <a:p>
            <a:r>
              <a:rPr lang="en-US" sz="1800"/>
              <a:t>Importance of each department/function in the global quality+ collective intelligence for improvement (externality is good)</a:t>
            </a:r>
          </a:p>
          <a:p>
            <a:endParaRPr lang="en-US" sz="1800"/>
          </a:p>
          <a:p>
            <a:endParaRPr lang="en-US" sz="1800"/>
          </a:p>
          <a:p>
            <a:pPr defTabSz="1334933">
              <a:defRPr/>
            </a:pPr>
            <a:r>
              <a:rPr lang="en-US" sz="1800" b="1"/>
              <a:t>Discussion point: what does your institution’s quality culture look like?</a:t>
            </a:r>
          </a:p>
          <a:p>
            <a:endParaRPr lang="en-US" sz="1800"/>
          </a:p>
          <a:p>
            <a:endParaRPr lang="en-US" sz="1800"/>
          </a:p>
          <a:p>
            <a:r>
              <a:rPr lang="en-US" sz="1800"/>
              <a:t>***</a:t>
            </a:r>
          </a:p>
          <a:p>
            <a:r>
              <a:rPr lang="en-US" sz="1800"/>
              <a:t>There exists a range of QA instruments which have their respective merits and challenges. This diagram represents a state-of-the-art situation when it comes to the most holistic quality environment and culture. [DISCUSS THE 5 ELEMENTS OF THE DIAGRAM]</a:t>
            </a:r>
          </a:p>
          <a:p>
            <a:endParaRPr lang="en-US" sz="1800"/>
          </a:p>
          <a:p>
            <a:r>
              <a:rPr lang="en-US" sz="1800"/>
              <a:t>One instrument, often found in North-American style accreditations, is continuous improvement (through self evaluation). It is a more of an abstract concept, which can be manifested through a number of operational policies and systems. Audits are more specific. They are systematic investigations of a specific area of operations. Audits are well known in business areas such as accounting, human resources but also in educational quality assurance systems.</a:t>
            </a:r>
          </a:p>
          <a:p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401843294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69988" y="1738313"/>
            <a:ext cx="8342312" cy="46926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1068412" y="6694422"/>
            <a:ext cx="8545559" cy="5476367"/>
          </a:xfrm>
          <a:prstGeom prst="rect">
            <a:avLst/>
          </a:prstGeom>
        </p:spPr>
        <p:txBody>
          <a:bodyPr lIns="133493" tIns="66747" rIns="133493" bIns="66747"/>
          <a:lstStyle/>
          <a:p>
            <a:pPr marL="0" indent="0">
              <a:buFont typeface="Arial"/>
              <a:buNone/>
            </a:pPr>
            <a:r>
              <a:rPr lang="en-US" b="1" dirty="0"/>
              <a:t>Hospitality Mindset</a:t>
            </a:r>
            <a:r>
              <a:rPr lang="en-US" dirty="0"/>
              <a:t>: Embracing a culture of service and international collaboration.</a:t>
            </a:r>
          </a:p>
          <a:p>
            <a:pPr marL="0" indent="0">
              <a:buFont typeface="Arial"/>
              <a:buNone/>
            </a:pPr>
            <a:r>
              <a:rPr lang="en-US" b="1" dirty="0"/>
              <a:t>Industry Connections</a:t>
            </a:r>
            <a:r>
              <a:rPr lang="en-US" dirty="0"/>
              <a:t>: Building strong partnerships with the hospitality sector.</a:t>
            </a:r>
          </a:p>
          <a:p>
            <a:pPr marL="0" indent="0">
              <a:buFont typeface="Arial"/>
              <a:buNone/>
            </a:pPr>
            <a:r>
              <a:rPr lang="en-US" b="1" dirty="0"/>
              <a:t>Combination of Art &amp; Science</a:t>
            </a:r>
            <a:r>
              <a:rPr lang="en-US" dirty="0"/>
              <a:t>: Balancing practical skills with academic excellence.</a:t>
            </a:r>
          </a:p>
          <a:p>
            <a:pPr marL="0" indent="0">
              <a:buFont typeface="Arial"/>
              <a:buNone/>
            </a:pPr>
            <a:r>
              <a:rPr lang="en-US" b="1" dirty="0"/>
              <a:t>Institutional Commitment</a:t>
            </a:r>
            <a:r>
              <a:rPr lang="en-US" dirty="0"/>
              <a:t>: Ensuring continuous improvement and educational quality.</a:t>
            </a:r>
          </a:p>
          <a:p>
            <a:pPr marL="0" indent="0">
              <a:buFont typeface="Arial"/>
              <a:buNone/>
            </a:pPr>
            <a:endParaRPr lang="en-US" dirty="0"/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Experiential Education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Learning from experience involves being open to new situations and perspectives, integrating these ideas, and being able to experiment in real-world situations</a:t>
            </a:r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A Social Learning Context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Learning is a social process and to be successful at EHL and in the business world, students learn to work together throughout their studies.</a:t>
            </a:r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Leadership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EHL students learn to become leaders, not just managers. Leadership involves influencing others to achieve a common goal.</a:t>
            </a:r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An Awareness of and Appreciation for Lifelong Learning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An EHL education provides students with an awareness that learning is a lifelong process. EHL graduates obtain the skills and drive necessary to continue to learn long after their academic journey at EHL.</a:t>
            </a:r>
          </a:p>
          <a:p>
            <a:pPr marL="0" indent="0">
              <a:buFont typeface="Arial"/>
              <a:buNone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142690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69988" y="1738313"/>
            <a:ext cx="8342312" cy="46926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1068412" y="6694422"/>
            <a:ext cx="8545559" cy="5476367"/>
          </a:xfrm>
          <a:prstGeom prst="rect">
            <a:avLst/>
          </a:prstGeom>
        </p:spPr>
        <p:txBody>
          <a:bodyPr lIns="133493" tIns="66747" rIns="133493" bIns="66747"/>
          <a:lstStyle/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  <a:p>
            <a:pPr marL="250300" indent="-250300">
              <a:buFont typeface="Arial"/>
              <a:buChar char="•"/>
            </a:pP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9521382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69988" y="1738313"/>
            <a:ext cx="8342312" cy="46926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1068412" y="6694422"/>
            <a:ext cx="8545559" cy="5476367"/>
          </a:xfrm>
          <a:prstGeom prst="rect">
            <a:avLst/>
          </a:prstGeom>
        </p:spPr>
        <p:txBody>
          <a:bodyPr lIns="133493" tIns="66747" rIns="133493" bIns="66747"/>
          <a:lstStyle/>
          <a:p>
            <a:pPr marL="0" indent="0">
              <a:buFont typeface="Arial"/>
              <a:buNone/>
            </a:pPr>
            <a:r>
              <a:rPr lang="en-US" b="1" dirty="0"/>
              <a:t>Hospitality Mindset</a:t>
            </a:r>
            <a:r>
              <a:rPr lang="en-US" dirty="0"/>
              <a:t>: Embracing a culture of service and international collaboration.</a:t>
            </a:r>
          </a:p>
          <a:p>
            <a:pPr marL="0" indent="0">
              <a:buFont typeface="Arial"/>
              <a:buNone/>
            </a:pPr>
            <a:r>
              <a:rPr lang="en-US" b="1" dirty="0"/>
              <a:t>Industry Connections</a:t>
            </a:r>
            <a:r>
              <a:rPr lang="en-US" dirty="0"/>
              <a:t>: Building strong partnerships with the hospitality sector.</a:t>
            </a:r>
          </a:p>
          <a:p>
            <a:pPr marL="0" indent="0">
              <a:buFont typeface="Arial"/>
              <a:buNone/>
            </a:pPr>
            <a:r>
              <a:rPr lang="en-US" b="1" dirty="0"/>
              <a:t>Combination of Art &amp; Science</a:t>
            </a:r>
            <a:r>
              <a:rPr lang="en-US" dirty="0"/>
              <a:t>: Balancing practical skills with academic excellence.</a:t>
            </a:r>
          </a:p>
          <a:p>
            <a:pPr marL="0" indent="0">
              <a:buFont typeface="Arial"/>
              <a:buNone/>
            </a:pPr>
            <a:r>
              <a:rPr lang="en-US" b="1" dirty="0"/>
              <a:t>Institutional Commitment</a:t>
            </a:r>
            <a:r>
              <a:rPr lang="en-US" dirty="0"/>
              <a:t>: Ensuring continuous improvement and educational quality.</a:t>
            </a:r>
          </a:p>
          <a:p>
            <a:pPr marL="0" indent="0">
              <a:buFont typeface="Arial"/>
              <a:buNone/>
            </a:pPr>
            <a:endParaRPr lang="en-US" dirty="0"/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Experiential Education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Learning from experience involves being open to new situations and perspectives, integrating these ideas, and being able to experiment in real-world situations</a:t>
            </a:r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A Social Learning Context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Learning is a social process and to be successful at EHL and in the business world, students learn to work together throughout their studies.</a:t>
            </a:r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Leadership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EHL students learn to become leaders, not just managers. Leadership involves influencing others to achieve a common goal.</a:t>
            </a:r>
          </a:p>
          <a:p>
            <a:pPr algn="l">
              <a:buFont typeface="Arial" panose="020B0604020202020204" pitchFamily="34" charset="0"/>
              <a:buNone/>
            </a:pPr>
            <a:r>
              <a:rPr lang="en-US" b="1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An Awareness of and Appreciation for Lifelong Learning</a:t>
            </a:r>
            <a:r>
              <a:rPr lang="en-US" b="0" i="0" dirty="0">
                <a:solidFill>
                  <a:srgbClr val="000000"/>
                </a:solidFill>
                <a:effectLst/>
                <a:latin typeface="Open Sans" panose="020B0606030504020204" pitchFamily="34" charset="0"/>
              </a:rPr>
              <a:t> - An EHL education provides students with an awareness that learning is a lifelong process. EHL graduates obtain the skills and drive necessary to continue to learn long after their academic journey at EHL.</a:t>
            </a:r>
          </a:p>
          <a:p>
            <a:pPr marL="0" indent="0">
              <a:buFont typeface="Arial"/>
              <a:buNone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  <a:p>
            <a:pPr marL="250300" indent="-250300">
              <a:buFont typeface="Arial"/>
              <a:buChar char="•"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3080393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73100" y="1789113"/>
            <a:ext cx="8580438" cy="4826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>
          <a:xfrm>
            <a:off x="992827" y="6883702"/>
            <a:ext cx="7940990" cy="5631204"/>
          </a:xfrm>
          <a:prstGeom prst="rect">
            <a:avLst/>
          </a:prstGeom>
        </p:spPr>
        <p:txBody>
          <a:bodyPr lIns="133493" tIns="66747" rIns="133493" bIns="66747"/>
          <a:lstStyle/>
          <a:p>
            <a:endParaRPr lang="en-CH"/>
          </a:p>
        </p:txBody>
      </p:sp>
    </p:spTree>
    <p:extLst>
      <p:ext uri="{BB962C8B-B14F-4D97-AF65-F5344CB8AC3E}">
        <p14:creationId xmlns:p14="http://schemas.microsoft.com/office/powerpoint/2010/main" val="64024941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0.png"/><Relationship Id="rId5" Type="http://schemas.openxmlformats.org/officeDocument/2006/relationships/image" Target="../media/image14.emf"/><Relationship Id="rId4" Type="http://schemas.openxmlformats.org/officeDocument/2006/relationships/image" Target="../media/image13.emf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image" Target="../media/image15.jpe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6.png"/><Relationship Id="rId5" Type="http://schemas.openxmlformats.org/officeDocument/2006/relationships/image" Target="../media/image14.emf"/><Relationship Id="rId4" Type="http://schemas.openxmlformats.org/officeDocument/2006/relationships/image" Target="../media/image13.emf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emf"/><Relationship Id="rId2" Type="http://schemas.openxmlformats.org/officeDocument/2006/relationships/image" Target="../media/image17.jpeg"/><Relationship Id="rId1" Type="http://schemas.openxmlformats.org/officeDocument/2006/relationships/slideMaster" Target="../slideMasters/slideMaster2.xml"/><Relationship Id="rId6" Type="http://schemas.openxmlformats.org/officeDocument/2006/relationships/image" Target="../media/image10.png"/><Relationship Id="rId5" Type="http://schemas.openxmlformats.org/officeDocument/2006/relationships/image" Target="../media/image14.emf"/><Relationship Id="rId4" Type="http://schemas.openxmlformats.org/officeDocument/2006/relationships/image" Target="../media/image13.emf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emf"/><Relationship Id="rId1" Type="http://schemas.openxmlformats.org/officeDocument/2006/relationships/slideMaster" Target="../slideMasters/slideMaster3.xml"/></Relationships>
</file>

<file path=ppt/slideLayouts/_rels/slideLayout4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emf"/><Relationship Id="rId1" Type="http://schemas.openxmlformats.org/officeDocument/2006/relationships/slideMaster" Target="../slideMasters/slideMaster3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emf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emf"/><Relationship Id="rId1" Type="http://schemas.openxmlformats.org/officeDocument/2006/relationships/slideMaster" Target="../slideMasters/slideMaster3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emf"/><Relationship Id="rId1" Type="http://schemas.openxmlformats.org/officeDocument/2006/relationships/slideMaster" Target="../slideMasters/slideMaster3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emf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emf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emf"/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emf"/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gif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- plain dark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84250" y="5348163"/>
            <a:ext cx="17338675" cy="2185987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US"/>
              <a:t>EHL Corporate presentation template</a:t>
            </a:r>
            <a:endParaRPr lang="fr-CH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2" hasCustomPrompt="1"/>
          </p:nvPr>
        </p:nvSpPr>
        <p:spPr>
          <a:xfrm>
            <a:off x="1136650" y="7864475"/>
            <a:ext cx="4191000" cy="762000"/>
          </a:xfrm>
          <a:prstGeom prst="rect">
            <a:avLst/>
          </a:prstGeom>
        </p:spPr>
        <p:txBody>
          <a:bodyPr/>
          <a:lstStyle>
            <a:lvl1pPr>
              <a:defRPr sz="1800" baseline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Speaker , Date and place</a:t>
            </a:r>
            <a:endParaRPr lang="fr-CH"/>
          </a:p>
        </p:txBody>
      </p:sp>
      <p:pic>
        <p:nvPicPr>
          <p:cNvPr id="3" name="Picture 2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220402" y="7836862"/>
            <a:ext cx="5592482" cy="2426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722579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upe border pag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470263" y="542107"/>
            <a:ext cx="19071771" cy="10081120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6" name="Holder 2"/>
          <p:cNvSpPr>
            <a:spLocks noGrp="1"/>
          </p:cNvSpPr>
          <p:nvPr>
            <p:ph type="title"/>
          </p:nvPr>
        </p:nvSpPr>
        <p:spPr>
          <a:xfrm>
            <a:off x="2491275" y="1463675"/>
            <a:ext cx="15197750" cy="213614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defRPr sz="9600" b="0" i="0">
                <a:solidFill>
                  <a:schemeClr val="bg2"/>
                </a:solidFill>
                <a:latin typeface="Georgia"/>
                <a:cs typeface="Georgia"/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32970" y="10551219"/>
            <a:ext cx="1760464" cy="763786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sz="quarter" idx="11"/>
          </p:nvPr>
        </p:nvSpPr>
        <p:spPr>
          <a:xfrm>
            <a:off x="2526835" y="3894653"/>
            <a:ext cx="15162190" cy="6375400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400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message page - dark fra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765114" y="902147"/>
            <a:ext cx="18650072" cy="9404920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3879850" y="4811395"/>
            <a:ext cx="4495800" cy="1828800"/>
          </a:xfrm>
          <a:prstGeom prst="rect">
            <a:avLst/>
          </a:prstGeom>
        </p:spPr>
        <p:txBody>
          <a:bodyPr/>
          <a:lstStyle>
            <a:lvl1pPr algn="ctr">
              <a:defRPr sz="5000">
                <a:solidFill>
                  <a:srgbClr val="001436"/>
                </a:solidFill>
                <a:latin typeface="Georgia" panose="02040502050405020303" pitchFamily="18" charset="0"/>
              </a:defRPr>
            </a:lvl1pPr>
            <a:lvl2pPr>
              <a:defRPr sz="2800"/>
            </a:lvl2pPr>
            <a:lvl3pPr>
              <a:defRPr sz="2800"/>
            </a:lvl3pPr>
            <a:lvl4pPr>
              <a:defRPr sz="2800"/>
            </a:lvl4pPr>
            <a:lvl5pPr>
              <a:defRPr sz="28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object 12"/>
          <p:cNvSpPr/>
          <p:nvPr userDrawn="1"/>
        </p:nvSpPr>
        <p:spPr>
          <a:xfrm>
            <a:off x="10052050" y="4586247"/>
            <a:ext cx="76200" cy="2440028"/>
          </a:xfrm>
          <a:custGeom>
            <a:avLst/>
            <a:gdLst/>
            <a:ahLst/>
            <a:cxnLst/>
            <a:rect l="l" t="t" r="r" b="b"/>
            <a:pathLst>
              <a:path h="2136140">
                <a:moveTo>
                  <a:pt x="0" y="0"/>
                </a:moveTo>
                <a:lnTo>
                  <a:pt x="0" y="2136060"/>
                </a:lnTo>
              </a:path>
            </a:pathLst>
          </a:custGeom>
          <a:ln w="10470">
            <a:solidFill>
              <a:srgbClr val="88887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11347450" y="4586288"/>
            <a:ext cx="5867400" cy="2136775"/>
          </a:xfrm>
          <a:prstGeom prst="rect">
            <a:avLst/>
          </a:prstGeom>
        </p:spPr>
        <p:txBody>
          <a:bodyPr/>
          <a:lstStyle>
            <a:lvl1pPr>
              <a:defRPr sz="3200">
                <a:solidFill>
                  <a:srgbClr val="878775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00698" y="10551219"/>
            <a:ext cx="1760464" cy="7637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289168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rk page with patter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bject 2"/>
          <p:cNvSpPr/>
          <p:nvPr userDrawn="1"/>
        </p:nvSpPr>
        <p:spPr>
          <a:xfrm>
            <a:off x="6062646" y="1246178"/>
            <a:ext cx="7978814" cy="7926317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8258724" y="4256880"/>
            <a:ext cx="3586657" cy="2185987"/>
          </a:xfrm>
        </p:spPr>
        <p:txBody>
          <a:bodyPr>
            <a:noAutofit/>
          </a:bodyPr>
          <a:lstStyle>
            <a:lvl1pPr algn="ctr">
              <a:defRPr sz="4000"/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00698" y="10551219"/>
            <a:ext cx="1760464" cy="7637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97037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able template with title grey frame">
    <p:bg>
      <p:bgPr>
        <a:solidFill>
          <a:srgbClr val="ADACA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763018" y="614115"/>
            <a:ext cx="18578064" cy="1008112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7" name="Holder 2"/>
          <p:cNvSpPr>
            <a:spLocks noGrp="1"/>
          </p:cNvSpPr>
          <p:nvPr>
            <p:ph type="title"/>
          </p:nvPr>
        </p:nvSpPr>
        <p:spPr>
          <a:xfrm>
            <a:off x="2491275" y="1463675"/>
            <a:ext cx="15197750" cy="213614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defRPr sz="9600" b="0" i="0">
                <a:solidFill>
                  <a:srgbClr val="000C33"/>
                </a:solidFill>
                <a:latin typeface="Georgia"/>
                <a:cs typeface="Georgia"/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9" name="Table Placeholder 8"/>
          <p:cNvSpPr>
            <a:spLocks noGrp="1"/>
          </p:cNvSpPr>
          <p:nvPr>
            <p:ph type="tbl" sz="quarter" idx="10"/>
          </p:nvPr>
        </p:nvSpPr>
        <p:spPr>
          <a:xfrm>
            <a:off x="2490788" y="3600450"/>
            <a:ext cx="15198725" cy="594042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table</a:t>
            </a:r>
            <a:endParaRPr lang="fr-CH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43636" y="10545564"/>
            <a:ext cx="1760464" cy="7637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774787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 light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Group 10"/>
          <p:cNvGrpSpPr/>
          <p:nvPr userDrawn="1"/>
        </p:nvGrpSpPr>
        <p:grpSpPr>
          <a:xfrm>
            <a:off x="16519609" y="8657118"/>
            <a:ext cx="1800200" cy="1385749"/>
            <a:chOff x="6885940" y="9842500"/>
            <a:chExt cx="542570" cy="502435"/>
          </a:xfrm>
        </p:grpSpPr>
        <p:sp>
          <p:nvSpPr>
            <p:cNvPr id="12" name="object 18"/>
            <p:cNvSpPr/>
            <p:nvPr/>
          </p:nvSpPr>
          <p:spPr>
            <a:xfrm>
              <a:off x="7088150" y="9844555"/>
              <a:ext cx="340360" cy="500380"/>
            </a:xfrm>
            <a:custGeom>
              <a:avLst/>
              <a:gdLst/>
              <a:ahLst/>
              <a:cxnLst/>
              <a:rect l="l" t="t" r="r" b="b"/>
              <a:pathLst>
                <a:path w="340359" h="500379">
                  <a:moveTo>
                    <a:pt x="160751" y="0"/>
                  </a:moveTo>
                  <a:lnTo>
                    <a:pt x="119692" y="4050"/>
                  </a:lnTo>
                  <a:lnTo>
                    <a:pt x="83548" y="16217"/>
                  </a:lnTo>
                  <a:lnTo>
                    <a:pt x="51980" y="36503"/>
                  </a:lnTo>
                  <a:lnTo>
                    <a:pt x="52192" y="45457"/>
                  </a:lnTo>
                  <a:lnTo>
                    <a:pt x="57449" y="50334"/>
                  </a:lnTo>
                  <a:lnTo>
                    <a:pt x="62580" y="55566"/>
                  </a:lnTo>
                  <a:lnTo>
                    <a:pt x="87582" y="86507"/>
                  </a:lnTo>
                  <a:lnTo>
                    <a:pt x="104967" y="120561"/>
                  </a:lnTo>
                  <a:lnTo>
                    <a:pt x="114733" y="157728"/>
                  </a:lnTo>
                  <a:lnTo>
                    <a:pt x="117013" y="184237"/>
                  </a:lnTo>
                  <a:lnTo>
                    <a:pt x="116776" y="198065"/>
                  </a:lnTo>
                  <a:lnTo>
                    <a:pt x="113063" y="237463"/>
                  </a:lnTo>
                  <a:lnTo>
                    <a:pt x="101103" y="286033"/>
                  </a:lnTo>
                  <a:lnTo>
                    <a:pt x="92122" y="309060"/>
                  </a:lnTo>
                  <a:lnTo>
                    <a:pt x="102436" y="315392"/>
                  </a:lnTo>
                  <a:lnTo>
                    <a:pt x="151803" y="327442"/>
                  </a:lnTo>
                  <a:lnTo>
                    <a:pt x="181325" y="327905"/>
                  </a:lnTo>
                  <a:lnTo>
                    <a:pt x="175897" y="341495"/>
                  </a:lnTo>
                  <a:lnTo>
                    <a:pt x="156868" y="378802"/>
                  </a:lnTo>
                  <a:lnTo>
                    <a:pt x="133721" y="410915"/>
                  </a:lnTo>
                  <a:lnTo>
                    <a:pt x="106459" y="437832"/>
                  </a:lnTo>
                  <a:lnTo>
                    <a:pt x="75083" y="459552"/>
                  </a:lnTo>
                  <a:lnTo>
                    <a:pt x="39596" y="476073"/>
                  </a:lnTo>
                  <a:lnTo>
                    <a:pt x="0" y="487395"/>
                  </a:lnTo>
                  <a:lnTo>
                    <a:pt x="11061" y="493098"/>
                  </a:lnTo>
                  <a:lnTo>
                    <a:pt x="23459" y="497038"/>
                  </a:lnTo>
                  <a:lnTo>
                    <a:pt x="36436" y="499355"/>
                  </a:lnTo>
                  <a:lnTo>
                    <a:pt x="49233" y="500187"/>
                  </a:lnTo>
                  <a:lnTo>
                    <a:pt x="50490" y="500193"/>
                  </a:lnTo>
                  <a:lnTo>
                    <a:pt x="63240" y="499883"/>
                  </a:lnTo>
                  <a:lnTo>
                    <a:pt x="112693" y="492424"/>
                  </a:lnTo>
                  <a:lnTo>
                    <a:pt x="159669" y="475020"/>
                  </a:lnTo>
                  <a:lnTo>
                    <a:pt x="193273" y="455441"/>
                  </a:lnTo>
                  <a:lnTo>
                    <a:pt x="225480" y="430268"/>
                  </a:lnTo>
                  <a:lnTo>
                    <a:pt x="256149" y="399285"/>
                  </a:lnTo>
                  <a:lnTo>
                    <a:pt x="282581" y="365770"/>
                  </a:lnTo>
                  <a:lnTo>
                    <a:pt x="303885" y="331789"/>
                  </a:lnTo>
                  <a:lnTo>
                    <a:pt x="320199" y="297200"/>
                  </a:lnTo>
                  <a:lnTo>
                    <a:pt x="334429" y="249891"/>
                  </a:lnTo>
                  <a:lnTo>
                    <a:pt x="340359" y="200914"/>
                  </a:lnTo>
                  <a:lnTo>
                    <a:pt x="340045" y="185635"/>
                  </a:lnTo>
                  <a:lnTo>
                    <a:pt x="334685" y="144069"/>
                  </a:lnTo>
                  <a:lnTo>
                    <a:pt x="317256" y="97152"/>
                  </a:lnTo>
                  <a:lnTo>
                    <a:pt x="288118" y="57651"/>
                  </a:lnTo>
                  <a:lnTo>
                    <a:pt x="256220" y="30455"/>
                  </a:lnTo>
                  <a:lnTo>
                    <a:pt x="222332" y="12006"/>
                  </a:lnTo>
                  <a:lnTo>
                    <a:pt x="173620" y="571"/>
                  </a:lnTo>
                  <a:lnTo>
                    <a:pt x="160751" y="0"/>
                  </a:lnTo>
                  <a:close/>
                </a:path>
              </a:pathLst>
            </a:custGeom>
            <a:solidFill>
              <a:srgbClr val="BCBEBA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3" name="object 19"/>
            <p:cNvSpPr/>
            <p:nvPr/>
          </p:nvSpPr>
          <p:spPr>
            <a:xfrm>
              <a:off x="6885940" y="9842500"/>
              <a:ext cx="321310" cy="500380"/>
            </a:xfrm>
            <a:custGeom>
              <a:avLst/>
              <a:gdLst/>
              <a:ahLst/>
              <a:cxnLst/>
              <a:rect l="l" t="t" r="r" b="b"/>
              <a:pathLst>
                <a:path w="321309" h="500379">
                  <a:moveTo>
                    <a:pt x="172091" y="0"/>
                  </a:moveTo>
                  <a:lnTo>
                    <a:pt x="129893" y="3903"/>
                  </a:lnTo>
                  <a:lnTo>
                    <a:pt x="93354" y="15703"/>
                  </a:lnTo>
                  <a:lnTo>
                    <a:pt x="52333" y="43711"/>
                  </a:lnTo>
                  <a:lnTo>
                    <a:pt x="25982" y="76195"/>
                  </a:lnTo>
                  <a:lnTo>
                    <a:pt x="9063" y="110383"/>
                  </a:lnTo>
                  <a:lnTo>
                    <a:pt x="0" y="159778"/>
                  </a:lnTo>
                  <a:lnTo>
                    <a:pt x="405" y="175174"/>
                  </a:lnTo>
                  <a:lnTo>
                    <a:pt x="6897" y="216382"/>
                  </a:lnTo>
                  <a:lnTo>
                    <a:pt x="27831" y="261066"/>
                  </a:lnTo>
                  <a:lnTo>
                    <a:pt x="63501" y="295924"/>
                  </a:lnTo>
                  <a:lnTo>
                    <a:pt x="108228" y="318121"/>
                  </a:lnTo>
                  <a:lnTo>
                    <a:pt x="146525" y="326251"/>
                  </a:lnTo>
                  <a:lnTo>
                    <a:pt x="189872" y="327858"/>
                  </a:lnTo>
                  <a:lnTo>
                    <a:pt x="184444" y="341448"/>
                  </a:lnTo>
                  <a:lnTo>
                    <a:pt x="165414" y="378755"/>
                  </a:lnTo>
                  <a:lnTo>
                    <a:pt x="142268" y="410868"/>
                  </a:lnTo>
                  <a:lnTo>
                    <a:pt x="115006" y="437785"/>
                  </a:lnTo>
                  <a:lnTo>
                    <a:pt x="83630" y="459505"/>
                  </a:lnTo>
                  <a:lnTo>
                    <a:pt x="48143" y="476026"/>
                  </a:lnTo>
                  <a:lnTo>
                    <a:pt x="8546" y="487348"/>
                  </a:lnTo>
                  <a:lnTo>
                    <a:pt x="19608" y="493051"/>
                  </a:lnTo>
                  <a:lnTo>
                    <a:pt x="32006" y="496991"/>
                  </a:lnTo>
                  <a:lnTo>
                    <a:pt x="44982" y="499308"/>
                  </a:lnTo>
                  <a:lnTo>
                    <a:pt x="57779" y="500140"/>
                  </a:lnTo>
                  <a:lnTo>
                    <a:pt x="59036" y="500146"/>
                  </a:lnTo>
                  <a:lnTo>
                    <a:pt x="71787" y="499836"/>
                  </a:lnTo>
                  <a:lnTo>
                    <a:pt x="121240" y="492377"/>
                  </a:lnTo>
                  <a:lnTo>
                    <a:pt x="168215" y="474973"/>
                  </a:lnTo>
                  <a:lnTo>
                    <a:pt x="201819" y="455394"/>
                  </a:lnTo>
                  <a:lnTo>
                    <a:pt x="234027" y="430221"/>
                  </a:lnTo>
                  <a:lnTo>
                    <a:pt x="264738" y="399264"/>
                  </a:lnTo>
                  <a:lnTo>
                    <a:pt x="290313" y="367520"/>
                  </a:lnTo>
                  <a:lnTo>
                    <a:pt x="315639" y="326843"/>
                  </a:lnTo>
                  <a:lnTo>
                    <a:pt x="320700" y="316656"/>
                  </a:lnTo>
                  <a:lnTo>
                    <a:pt x="309221" y="310615"/>
                  </a:lnTo>
                  <a:lnTo>
                    <a:pt x="298192" y="304123"/>
                  </a:lnTo>
                  <a:lnTo>
                    <a:pt x="267369" y="279157"/>
                  </a:lnTo>
                  <a:lnTo>
                    <a:pt x="243372" y="247163"/>
                  </a:lnTo>
                  <a:lnTo>
                    <a:pt x="226296" y="200193"/>
                  </a:lnTo>
                  <a:lnTo>
                    <a:pt x="223536" y="174312"/>
                  </a:lnTo>
                  <a:lnTo>
                    <a:pt x="223925" y="159406"/>
                  </a:lnTo>
                  <a:lnTo>
                    <a:pt x="230217" y="118988"/>
                  </a:lnTo>
                  <a:lnTo>
                    <a:pt x="250532" y="73690"/>
                  </a:lnTo>
                  <a:lnTo>
                    <a:pt x="276168" y="43365"/>
                  </a:lnTo>
                  <a:lnTo>
                    <a:pt x="278886" y="40914"/>
                  </a:lnTo>
                  <a:lnTo>
                    <a:pt x="268249" y="32610"/>
                  </a:lnTo>
                  <a:lnTo>
                    <a:pt x="234497" y="13337"/>
                  </a:lnTo>
                  <a:lnTo>
                    <a:pt x="185189" y="790"/>
                  </a:lnTo>
                  <a:lnTo>
                    <a:pt x="172091" y="0"/>
                  </a:lnTo>
                  <a:close/>
                </a:path>
              </a:pathLst>
            </a:custGeom>
            <a:solidFill>
              <a:srgbClr val="BCBEBA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4" name="object 20"/>
            <p:cNvSpPr/>
            <p:nvPr/>
          </p:nvSpPr>
          <p:spPr>
            <a:xfrm>
              <a:off x="7081520" y="9874250"/>
              <a:ext cx="125730" cy="273050"/>
            </a:xfrm>
            <a:custGeom>
              <a:avLst/>
              <a:gdLst/>
              <a:ahLst/>
              <a:cxnLst/>
              <a:rect l="l" t="t" r="r" b="b"/>
              <a:pathLst>
                <a:path w="125729" h="273050">
                  <a:moveTo>
                    <a:pt x="57010" y="0"/>
                  </a:moveTo>
                  <a:lnTo>
                    <a:pt x="23337" y="37329"/>
                  </a:lnTo>
                  <a:lnTo>
                    <a:pt x="4327" y="84447"/>
                  </a:lnTo>
                  <a:lnTo>
                    <a:pt x="0" y="124143"/>
                  </a:lnTo>
                  <a:lnTo>
                    <a:pt x="480" y="138475"/>
                  </a:lnTo>
                  <a:lnTo>
                    <a:pt x="7690" y="178007"/>
                  </a:lnTo>
                  <a:lnTo>
                    <a:pt x="30742" y="222709"/>
                  </a:lnTo>
                  <a:lnTo>
                    <a:pt x="61564" y="252133"/>
                  </a:lnTo>
                  <a:lnTo>
                    <a:pt x="98158" y="272612"/>
                  </a:lnTo>
                  <a:lnTo>
                    <a:pt x="103325" y="260854"/>
                  </a:lnTo>
                  <a:lnTo>
                    <a:pt x="115612" y="224730"/>
                  </a:lnTo>
                  <a:lnTo>
                    <a:pt x="123077" y="187330"/>
                  </a:lnTo>
                  <a:lnTo>
                    <a:pt x="125723" y="148657"/>
                  </a:lnTo>
                  <a:lnTo>
                    <a:pt x="125312" y="134811"/>
                  </a:lnTo>
                  <a:lnTo>
                    <a:pt x="119125" y="95751"/>
                  </a:lnTo>
                  <a:lnTo>
                    <a:pt x="99314" y="49166"/>
                  </a:lnTo>
                  <a:lnTo>
                    <a:pt x="75779" y="18078"/>
                  </a:lnTo>
                  <a:lnTo>
                    <a:pt x="57010" y="0"/>
                  </a:lnTo>
                  <a:close/>
                </a:path>
              </a:pathLst>
            </a:custGeom>
            <a:solidFill>
              <a:srgbClr val="888C86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grpSp>
        <p:nvGrpSpPr>
          <p:cNvPr id="15" name="Group 14"/>
          <p:cNvGrpSpPr/>
          <p:nvPr userDrawn="1"/>
        </p:nvGrpSpPr>
        <p:grpSpPr>
          <a:xfrm>
            <a:off x="1942645" y="1406922"/>
            <a:ext cx="1656184" cy="1152128"/>
            <a:chOff x="153990" y="8583153"/>
            <a:chExt cx="554990" cy="500380"/>
          </a:xfrm>
        </p:grpSpPr>
        <p:sp>
          <p:nvSpPr>
            <p:cNvPr id="16" name="object 21"/>
            <p:cNvSpPr/>
            <p:nvPr/>
          </p:nvSpPr>
          <p:spPr>
            <a:xfrm>
              <a:off x="153990" y="8583153"/>
              <a:ext cx="340360" cy="500380"/>
            </a:xfrm>
            <a:custGeom>
              <a:avLst/>
              <a:gdLst/>
              <a:ahLst/>
              <a:cxnLst/>
              <a:rect l="l" t="t" r="r" b="b"/>
              <a:pathLst>
                <a:path w="340359" h="500379">
                  <a:moveTo>
                    <a:pt x="289868" y="0"/>
                  </a:moveTo>
                  <a:lnTo>
                    <a:pt x="239796" y="4972"/>
                  </a:lnTo>
                  <a:lnTo>
                    <a:pt x="192201" y="19889"/>
                  </a:lnTo>
                  <a:lnTo>
                    <a:pt x="158132" y="37604"/>
                  </a:lnTo>
                  <a:lnTo>
                    <a:pt x="125458" y="60912"/>
                  </a:lnTo>
                  <a:lnTo>
                    <a:pt x="94182" y="89815"/>
                  </a:lnTo>
                  <a:lnTo>
                    <a:pt x="66011" y="123206"/>
                  </a:lnTo>
                  <a:lnTo>
                    <a:pt x="43014" y="157017"/>
                  </a:lnTo>
                  <a:lnTo>
                    <a:pt x="25051" y="191387"/>
                  </a:lnTo>
                  <a:lnTo>
                    <a:pt x="8696" y="238332"/>
                  </a:lnTo>
                  <a:lnTo>
                    <a:pt x="722" y="286860"/>
                  </a:lnTo>
                  <a:lnTo>
                    <a:pt x="0" y="299279"/>
                  </a:lnTo>
                  <a:lnTo>
                    <a:pt x="313" y="314558"/>
                  </a:lnTo>
                  <a:lnTo>
                    <a:pt x="5673" y="356124"/>
                  </a:lnTo>
                  <a:lnTo>
                    <a:pt x="23102" y="403041"/>
                  </a:lnTo>
                  <a:lnTo>
                    <a:pt x="52241" y="442542"/>
                  </a:lnTo>
                  <a:lnTo>
                    <a:pt x="84138" y="469738"/>
                  </a:lnTo>
                  <a:lnTo>
                    <a:pt x="118026" y="488186"/>
                  </a:lnTo>
                  <a:lnTo>
                    <a:pt x="166738" y="499622"/>
                  </a:lnTo>
                  <a:lnTo>
                    <a:pt x="179607" y="500193"/>
                  </a:lnTo>
                  <a:lnTo>
                    <a:pt x="193860" y="499745"/>
                  </a:lnTo>
                  <a:lnTo>
                    <a:pt x="233244" y="492989"/>
                  </a:lnTo>
                  <a:lnTo>
                    <a:pt x="278343" y="471354"/>
                  </a:lnTo>
                  <a:lnTo>
                    <a:pt x="282909" y="449859"/>
                  </a:lnTo>
                  <a:lnTo>
                    <a:pt x="277778" y="444627"/>
                  </a:lnTo>
                  <a:lnTo>
                    <a:pt x="252776" y="413686"/>
                  </a:lnTo>
                  <a:lnTo>
                    <a:pt x="235391" y="379632"/>
                  </a:lnTo>
                  <a:lnTo>
                    <a:pt x="225625" y="342465"/>
                  </a:lnTo>
                  <a:lnTo>
                    <a:pt x="223346" y="315956"/>
                  </a:lnTo>
                  <a:lnTo>
                    <a:pt x="223582" y="302128"/>
                  </a:lnTo>
                  <a:lnTo>
                    <a:pt x="227295" y="262730"/>
                  </a:lnTo>
                  <a:lnTo>
                    <a:pt x="239255" y="214159"/>
                  </a:lnTo>
                  <a:lnTo>
                    <a:pt x="248236" y="191133"/>
                  </a:lnTo>
                  <a:lnTo>
                    <a:pt x="237922" y="184801"/>
                  </a:lnTo>
                  <a:lnTo>
                    <a:pt x="188556" y="172750"/>
                  </a:lnTo>
                  <a:lnTo>
                    <a:pt x="159033" y="172288"/>
                  </a:lnTo>
                  <a:lnTo>
                    <a:pt x="164461" y="158698"/>
                  </a:lnTo>
                  <a:lnTo>
                    <a:pt x="183490" y="121391"/>
                  </a:lnTo>
                  <a:lnTo>
                    <a:pt x="206637" y="89278"/>
                  </a:lnTo>
                  <a:lnTo>
                    <a:pt x="233899" y="62361"/>
                  </a:lnTo>
                  <a:lnTo>
                    <a:pt x="265275" y="40641"/>
                  </a:lnTo>
                  <a:lnTo>
                    <a:pt x="300762" y="24120"/>
                  </a:lnTo>
                  <a:lnTo>
                    <a:pt x="340359" y="12798"/>
                  </a:lnTo>
                  <a:lnTo>
                    <a:pt x="329297" y="7095"/>
                  </a:lnTo>
                  <a:lnTo>
                    <a:pt x="316899" y="3155"/>
                  </a:lnTo>
                  <a:lnTo>
                    <a:pt x="303922" y="838"/>
                  </a:lnTo>
                  <a:lnTo>
                    <a:pt x="291126" y="6"/>
                  </a:lnTo>
                  <a:lnTo>
                    <a:pt x="289868" y="0"/>
                  </a:lnTo>
                  <a:close/>
                </a:path>
              </a:pathLst>
            </a:custGeom>
            <a:solidFill>
              <a:srgbClr val="C0C2BE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7" name="object 22"/>
            <p:cNvSpPr/>
            <p:nvPr/>
          </p:nvSpPr>
          <p:spPr>
            <a:xfrm>
              <a:off x="387670" y="8583153"/>
              <a:ext cx="321310" cy="500380"/>
            </a:xfrm>
            <a:custGeom>
              <a:avLst/>
              <a:gdLst/>
              <a:ahLst/>
              <a:cxnLst/>
              <a:rect l="l" t="t" r="r" b="b"/>
              <a:pathLst>
                <a:path w="321309" h="500379">
                  <a:moveTo>
                    <a:pt x="261663" y="0"/>
                  </a:moveTo>
                  <a:lnTo>
                    <a:pt x="211591" y="4972"/>
                  </a:lnTo>
                  <a:lnTo>
                    <a:pt x="163996" y="19889"/>
                  </a:lnTo>
                  <a:lnTo>
                    <a:pt x="129927" y="37604"/>
                  </a:lnTo>
                  <a:lnTo>
                    <a:pt x="97253" y="60912"/>
                  </a:lnTo>
                  <a:lnTo>
                    <a:pt x="65977" y="89815"/>
                  </a:lnTo>
                  <a:lnTo>
                    <a:pt x="38211" y="122241"/>
                  </a:lnTo>
                  <a:lnTo>
                    <a:pt x="10585" y="163170"/>
                  </a:lnTo>
                  <a:lnTo>
                    <a:pt x="0" y="183490"/>
                  </a:lnTo>
                  <a:lnTo>
                    <a:pt x="11479" y="189531"/>
                  </a:lnTo>
                  <a:lnTo>
                    <a:pt x="22507" y="196023"/>
                  </a:lnTo>
                  <a:lnTo>
                    <a:pt x="53331" y="220989"/>
                  </a:lnTo>
                  <a:lnTo>
                    <a:pt x="77328" y="252983"/>
                  </a:lnTo>
                  <a:lnTo>
                    <a:pt x="94403" y="299953"/>
                  </a:lnTo>
                  <a:lnTo>
                    <a:pt x="97164" y="325834"/>
                  </a:lnTo>
                  <a:lnTo>
                    <a:pt x="96774" y="340739"/>
                  </a:lnTo>
                  <a:lnTo>
                    <a:pt x="90482" y="381158"/>
                  </a:lnTo>
                  <a:lnTo>
                    <a:pt x="70168" y="426456"/>
                  </a:lnTo>
                  <a:lnTo>
                    <a:pt x="44531" y="456780"/>
                  </a:lnTo>
                  <a:lnTo>
                    <a:pt x="41814" y="459231"/>
                  </a:lnTo>
                  <a:lnTo>
                    <a:pt x="52450" y="467536"/>
                  </a:lnTo>
                  <a:lnTo>
                    <a:pt x="86202" y="486809"/>
                  </a:lnTo>
                  <a:lnTo>
                    <a:pt x="135511" y="499355"/>
                  </a:lnTo>
                  <a:lnTo>
                    <a:pt x="148608" y="500146"/>
                  </a:lnTo>
                  <a:lnTo>
                    <a:pt x="163342" y="499723"/>
                  </a:lnTo>
                  <a:lnTo>
                    <a:pt x="203583" y="493187"/>
                  </a:lnTo>
                  <a:lnTo>
                    <a:pt x="248877" y="472192"/>
                  </a:lnTo>
                  <a:lnTo>
                    <a:pt x="278240" y="445755"/>
                  </a:lnTo>
                  <a:lnTo>
                    <a:pt x="301372" y="412777"/>
                  </a:lnTo>
                  <a:lnTo>
                    <a:pt x="318012" y="365692"/>
                  </a:lnTo>
                  <a:lnTo>
                    <a:pt x="320700" y="340368"/>
                  </a:lnTo>
                  <a:lnTo>
                    <a:pt x="320294" y="324972"/>
                  </a:lnTo>
                  <a:lnTo>
                    <a:pt x="313802" y="283764"/>
                  </a:lnTo>
                  <a:lnTo>
                    <a:pt x="292868" y="239080"/>
                  </a:lnTo>
                  <a:lnTo>
                    <a:pt x="257199" y="204222"/>
                  </a:lnTo>
                  <a:lnTo>
                    <a:pt x="212471" y="182025"/>
                  </a:lnTo>
                  <a:lnTo>
                    <a:pt x="174175" y="173895"/>
                  </a:lnTo>
                  <a:lnTo>
                    <a:pt x="130828" y="172288"/>
                  </a:lnTo>
                  <a:lnTo>
                    <a:pt x="136256" y="158698"/>
                  </a:lnTo>
                  <a:lnTo>
                    <a:pt x="155285" y="121391"/>
                  </a:lnTo>
                  <a:lnTo>
                    <a:pt x="178432" y="89278"/>
                  </a:lnTo>
                  <a:lnTo>
                    <a:pt x="205694" y="62361"/>
                  </a:lnTo>
                  <a:lnTo>
                    <a:pt x="237070" y="40641"/>
                  </a:lnTo>
                  <a:lnTo>
                    <a:pt x="272557" y="24120"/>
                  </a:lnTo>
                  <a:lnTo>
                    <a:pt x="312154" y="12798"/>
                  </a:lnTo>
                  <a:lnTo>
                    <a:pt x="301092" y="7095"/>
                  </a:lnTo>
                  <a:lnTo>
                    <a:pt x="288694" y="3155"/>
                  </a:lnTo>
                  <a:lnTo>
                    <a:pt x="275717" y="838"/>
                  </a:lnTo>
                  <a:lnTo>
                    <a:pt x="262921" y="6"/>
                  </a:lnTo>
                  <a:lnTo>
                    <a:pt x="261663" y="0"/>
                  </a:lnTo>
                  <a:close/>
                </a:path>
              </a:pathLst>
            </a:custGeom>
            <a:solidFill>
              <a:srgbClr val="C0C2BE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8" name="object 23"/>
            <p:cNvSpPr/>
            <p:nvPr/>
          </p:nvSpPr>
          <p:spPr>
            <a:xfrm>
              <a:off x="368620" y="8775700"/>
              <a:ext cx="125730" cy="273050"/>
            </a:xfrm>
            <a:custGeom>
              <a:avLst/>
              <a:gdLst/>
              <a:ahLst/>
              <a:cxnLst/>
              <a:rect l="l" t="t" r="r" b="b"/>
              <a:pathLst>
                <a:path w="125730" h="273050">
                  <a:moveTo>
                    <a:pt x="27565" y="0"/>
                  </a:moveTo>
                  <a:lnTo>
                    <a:pt x="13670" y="35698"/>
                  </a:lnTo>
                  <a:lnTo>
                    <a:pt x="2646" y="85281"/>
                  </a:lnTo>
                  <a:lnTo>
                    <a:pt x="0" y="123954"/>
                  </a:lnTo>
                  <a:lnTo>
                    <a:pt x="411" y="137801"/>
                  </a:lnTo>
                  <a:lnTo>
                    <a:pt x="6597" y="176860"/>
                  </a:lnTo>
                  <a:lnTo>
                    <a:pt x="26409" y="223446"/>
                  </a:lnTo>
                  <a:lnTo>
                    <a:pt x="49944" y="254534"/>
                  </a:lnTo>
                  <a:lnTo>
                    <a:pt x="68713" y="272612"/>
                  </a:lnTo>
                  <a:lnTo>
                    <a:pt x="72955" y="271462"/>
                  </a:lnTo>
                  <a:lnTo>
                    <a:pt x="102386" y="235282"/>
                  </a:lnTo>
                  <a:lnTo>
                    <a:pt x="121396" y="188165"/>
                  </a:lnTo>
                  <a:lnTo>
                    <a:pt x="125723" y="148468"/>
                  </a:lnTo>
                  <a:lnTo>
                    <a:pt x="125242" y="134136"/>
                  </a:lnTo>
                  <a:lnTo>
                    <a:pt x="118033" y="94605"/>
                  </a:lnTo>
                  <a:lnTo>
                    <a:pt x="94981" y="49902"/>
                  </a:lnTo>
                  <a:lnTo>
                    <a:pt x="64159" y="20478"/>
                  </a:lnTo>
                  <a:lnTo>
                    <a:pt x="27565" y="0"/>
                  </a:lnTo>
                  <a:close/>
                </a:path>
              </a:pathLst>
            </a:custGeom>
            <a:solidFill>
              <a:srgbClr val="888C86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sp>
        <p:nvSpPr>
          <p:cNvPr id="6" name="Text Placeholder 5"/>
          <p:cNvSpPr>
            <a:spLocks noGrp="1"/>
          </p:cNvSpPr>
          <p:nvPr>
            <p:ph type="body" sz="quarter" idx="11" hasCustomPrompt="1"/>
          </p:nvPr>
        </p:nvSpPr>
        <p:spPr>
          <a:xfrm>
            <a:off x="4003378" y="2990378"/>
            <a:ext cx="11593288" cy="5666739"/>
          </a:xfrm>
          <a:prstGeom prst="rect">
            <a:avLst/>
          </a:prstGeom>
        </p:spPr>
        <p:txBody>
          <a:bodyPr anchor="ctr"/>
          <a:lstStyle>
            <a:lvl1pPr algn="ctr">
              <a:defRPr sz="5400" i="1">
                <a:solidFill>
                  <a:srgbClr val="001436"/>
                </a:solidFill>
                <a:latin typeface="Georgia" panose="02040502050405020303" pitchFamily="18" charset="0"/>
              </a:defRPr>
            </a:lvl1pPr>
          </a:lstStyle>
          <a:p>
            <a:pPr lvl="0"/>
            <a:r>
              <a:rPr lang="en-US"/>
              <a:t>Quote</a:t>
            </a:r>
            <a:endParaRPr lang="fr-CH"/>
          </a:p>
        </p:txBody>
      </p:sp>
      <p:sp>
        <p:nvSpPr>
          <p:cNvPr id="19" name="Text Placeholder 5"/>
          <p:cNvSpPr>
            <a:spLocks noGrp="1"/>
          </p:cNvSpPr>
          <p:nvPr>
            <p:ph type="body" sz="quarter" idx="12" hasCustomPrompt="1"/>
          </p:nvPr>
        </p:nvSpPr>
        <p:spPr>
          <a:xfrm>
            <a:off x="12069241" y="8970126"/>
            <a:ext cx="3527425" cy="754063"/>
          </a:xfrm>
          <a:prstGeom prst="rect">
            <a:avLst/>
          </a:prstGeom>
        </p:spPr>
        <p:txBody>
          <a:bodyPr/>
          <a:lstStyle>
            <a:lvl1pPr algn="r">
              <a:defRPr/>
            </a:lvl1pPr>
          </a:lstStyle>
          <a:p>
            <a:pPr lvl="0"/>
            <a:r>
              <a:rPr lang="en-US"/>
              <a:t>Source: xxx</a:t>
            </a:r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91760262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ation dark">
    <p:bg>
      <p:bgPr>
        <a:solidFill>
          <a:srgbClr val="00143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 userDrawn="1"/>
        </p:nvGrpSpPr>
        <p:grpSpPr>
          <a:xfrm>
            <a:off x="16519609" y="8657118"/>
            <a:ext cx="1800200" cy="1385749"/>
            <a:chOff x="6885940" y="9842500"/>
            <a:chExt cx="542570" cy="502435"/>
          </a:xfrm>
        </p:grpSpPr>
        <p:sp>
          <p:nvSpPr>
            <p:cNvPr id="8" name="object 18"/>
            <p:cNvSpPr/>
            <p:nvPr/>
          </p:nvSpPr>
          <p:spPr>
            <a:xfrm>
              <a:off x="7088150" y="9844555"/>
              <a:ext cx="340360" cy="500380"/>
            </a:xfrm>
            <a:custGeom>
              <a:avLst/>
              <a:gdLst/>
              <a:ahLst/>
              <a:cxnLst/>
              <a:rect l="l" t="t" r="r" b="b"/>
              <a:pathLst>
                <a:path w="340359" h="500379">
                  <a:moveTo>
                    <a:pt x="160751" y="0"/>
                  </a:moveTo>
                  <a:lnTo>
                    <a:pt x="119692" y="4050"/>
                  </a:lnTo>
                  <a:lnTo>
                    <a:pt x="83548" y="16217"/>
                  </a:lnTo>
                  <a:lnTo>
                    <a:pt x="51980" y="36503"/>
                  </a:lnTo>
                  <a:lnTo>
                    <a:pt x="52192" y="45457"/>
                  </a:lnTo>
                  <a:lnTo>
                    <a:pt x="57449" y="50334"/>
                  </a:lnTo>
                  <a:lnTo>
                    <a:pt x="62580" y="55566"/>
                  </a:lnTo>
                  <a:lnTo>
                    <a:pt x="87582" y="86507"/>
                  </a:lnTo>
                  <a:lnTo>
                    <a:pt x="104967" y="120561"/>
                  </a:lnTo>
                  <a:lnTo>
                    <a:pt x="114733" y="157728"/>
                  </a:lnTo>
                  <a:lnTo>
                    <a:pt x="117013" y="184237"/>
                  </a:lnTo>
                  <a:lnTo>
                    <a:pt x="116776" y="198065"/>
                  </a:lnTo>
                  <a:lnTo>
                    <a:pt x="113063" y="237463"/>
                  </a:lnTo>
                  <a:lnTo>
                    <a:pt x="101103" y="286033"/>
                  </a:lnTo>
                  <a:lnTo>
                    <a:pt x="92122" y="309060"/>
                  </a:lnTo>
                  <a:lnTo>
                    <a:pt x="102436" y="315392"/>
                  </a:lnTo>
                  <a:lnTo>
                    <a:pt x="151803" y="327442"/>
                  </a:lnTo>
                  <a:lnTo>
                    <a:pt x="181325" y="327905"/>
                  </a:lnTo>
                  <a:lnTo>
                    <a:pt x="175897" y="341495"/>
                  </a:lnTo>
                  <a:lnTo>
                    <a:pt x="156868" y="378802"/>
                  </a:lnTo>
                  <a:lnTo>
                    <a:pt x="133721" y="410915"/>
                  </a:lnTo>
                  <a:lnTo>
                    <a:pt x="106459" y="437832"/>
                  </a:lnTo>
                  <a:lnTo>
                    <a:pt x="75083" y="459552"/>
                  </a:lnTo>
                  <a:lnTo>
                    <a:pt x="39596" y="476073"/>
                  </a:lnTo>
                  <a:lnTo>
                    <a:pt x="0" y="487395"/>
                  </a:lnTo>
                  <a:lnTo>
                    <a:pt x="11061" y="493098"/>
                  </a:lnTo>
                  <a:lnTo>
                    <a:pt x="23459" y="497038"/>
                  </a:lnTo>
                  <a:lnTo>
                    <a:pt x="36436" y="499355"/>
                  </a:lnTo>
                  <a:lnTo>
                    <a:pt x="49233" y="500187"/>
                  </a:lnTo>
                  <a:lnTo>
                    <a:pt x="50490" y="500193"/>
                  </a:lnTo>
                  <a:lnTo>
                    <a:pt x="63240" y="499883"/>
                  </a:lnTo>
                  <a:lnTo>
                    <a:pt x="112693" y="492424"/>
                  </a:lnTo>
                  <a:lnTo>
                    <a:pt x="159669" y="475020"/>
                  </a:lnTo>
                  <a:lnTo>
                    <a:pt x="193273" y="455441"/>
                  </a:lnTo>
                  <a:lnTo>
                    <a:pt x="225480" y="430268"/>
                  </a:lnTo>
                  <a:lnTo>
                    <a:pt x="256149" y="399285"/>
                  </a:lnTo>
                  <a:lnTo>
                    <a:pt x="282581" y="365770"/>
                  </a:lnTo>
                  <a:lnTo>
                    <a:pt x="303885" y="331789"/>
                  </a:lnTo>
                  <a:lnTo>
                    <a:pt x="320199" y="297200"/>
                  </a:lnTo>
                  <a:lnTo>
                    <a:pt x="334429" y="249891"/>
                  </a:lnTo>
                  <a:lnTo>
                    <a:pt x="340359" y="200914"/>
                  </a:lnTo>
                  <a:lnTo>
                    <a:pt x="340045" y="185635"/>
                  </a:lnTo>
                  <a:lnTo>
                    <a:pt x="334685" y="144069"/>
                  </a:lnTo>
                  <a:lnTo>
                    <a:pt x="317256" y="97152"/>
                  </a:lnTo>
                  <a:lnTo>
                    <a:pt x="288118" y="57651"/>
                  </a:lnTo>
                  <a:lnTo>
                    <a:pt x="256220" y="30455"/>
                  </a:lnTo>
                  <a:lnTo>
                    <a:pt x="222332" y="12006"/>
                  </a:lnTo>
                  <a:lnTo>
                    <a:pt x="173620" y="571"/>
                  </a:lnTo>
                  <a:lnTo>
                    <a:pt x="160751" y="0"/>
                  </a:lnTo>
                  <a:close/>
                </a:path>
              </a:pathLst>
            </a:custGeom>
            <a:solidFill>
              <a:srgbClr val="BCBEBA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9" name="object 19"/>
            <p:cNvSpPr/>
            <p:nvPr/>
          </p:nvSpPr>
          <p:spPr>
            <a:xfrm>
              <a:off x="6885940" y="9842500"/>
              <a:ext cx="321310" cy="500380"/>
            </a:xfrm>
            <a:custGeom>
              <a:avLst/>
              <a:gdLst/>
              <a:ahLst/>
              <a:cxnLst/>
              <a:rect l="l" t="t" r="r" b="b"/>
              <a:pathLst>
                <a:path w="321309" h="500379">
                  <a:moveTo>
                    <a:pt x="172091" y="0"/>
                  </a:moveTo>
                  <a:lnTo>
                    <a:pt x="129893" y="3903"/>
                  </a:lnTo>
                  <a:lnTo>
                    <a:pt x="93354" y="15703"/>
                  </a:lnTo>
                  <a:lnTo>
                    <a:pt x="52333" y="43711"/>
                  </a:lnTo>
                  <a:lnTo>
                    <a:pt x="25982" y="76195"/>
                  </a:lnTo>
                  <a:lnTo>
                    <a:pt x="9063" y="110383"/>
                  </a:lnTo>
                  <a:lnTo>
                    <a:pt x="0" y="159778"/>
                  </a:lnTo>
                  <a:lnTo>
                    <a:pt x="405" y="175174"/>
                  </a:lnTo>
                  <a:lnTo>
                    <a:pt x="6897" y="216382"/>
                  </a:lnTo>
                  <a:lnTo>
                    <a:pt x="27831" y="261066"/>
                  </a:lnTo>
                  <a:lnTo>
                    <a:pt x="63501" y="295924"/>
                  </a:lnTo>
                  <a:lnTo>
                    <a:pt x="108228" y="318121"/>
                  </a:lnTo>
                  <a:lnTo>
                    <a:pt x="146525" y="326251"/>
                  </a:lnTo>
                  <a:lnTo>
                    <a:pt x="189872" y="327858"/>
                  </a:lnTo>
                  <a:lnTo>
                    <a:pt x="184444" y="341448"/>
                  </a:lnTo>
                  <a:lnTo>
                    <a:pt x="165414" y="378755"/>
                  </a:lnTo>
                  <a:lnTo>
                    <a:pt x="142268" y="410868"/>
                  </a:lnTo>
                  <a:lnTo>
                    <a:pt x="115006" y="437785"/>
                  </a:lnTo>
                  <a:lnTo>
                    <a:pt x="83630" y="459505"/>
                  </a:lnTo>
                  <a:lnTo>
                    <a:pt x="48143" y="476026"/>
                  </a:lnTo>
                  <a:lnTo>
                    <a:pt x="8546" y="487348"/>
                  </a:lnTo>
                  <a:lnTo>
                    <a:pt x="19608" y="493051"/>
                  </a:lnTo>
                  <a:lnTo>
                    <a:pt x="32006" y="496991"/>
                  </a:lnTo>
                  <a:lnTo>
                    <a:pt x="44982" y="499308"/>
                  </a:lnTo>
                  <a:lnTo>
                    <a:pt x="57779" y="500140"/>
                  </a:lnTo>
                  <a:lnTo>
                    <a:pt x="59036" y="500146"/>
                  </a:lnTo>
                  <a:lnTo>
                    <a:pt x="71787" y="499836"/>
                  </a:lnTo>
                  <a:lnTo>
                    <a:pt x="121240" y="492377"/>
                  </a:lnTo>
                  <a:lnTo>
                    <a:pt x="168215" y="474973"/>
                  </a:lnTo>
                  <a:lnTo>
                    <a:pt x="201819" y="455394"/>
                  </a:lnTo>
                  <a:lnTo>
                    <a:pt x="234027" y="430221"/>
                  </a:lnTo>
                  <a:lnTo>
                    <a:pt x="264738" y="399264"/>
                  </a:lnTo>
                  <a:lnTo>
                    <a:pt x="290313" y="367520"/>
                  </a:lnTo>
                  <a:lnTo>
                    <a:pt x="315639" y="326843"/>
                  </a:lnTo>
                  <a:lnTo>
                    <a:pt x="320700" y="316656"/>
                  </a:lnTo>
                  <a:lnTo>
                    <a:pt x="309221" y="310615"/>
                  </a:lnTo>
                  <a:lnTo>
                    <a:pt x="298192" y="304123"/>
                  </a:lnTo>
                  <a:lnTo>
                    <a:pt x="267369" y="279157"/>
                  </a:lnTo>
                  <a:lnTo>
                    <a:pt x="243372" y="247163"/>
                  </a:lnTo>
                  <a:lnTo>
                    <a:pt x="226296" y="200193"/>
                  </a:lnTo>
                  <a:lnTo>
                    <a:pt x="223536" y="174312"/>
                  </a:lnTo>
                  <a:lnTo>
                    <a:pt x="223925" y="159406"/>
                  </a:lnTo>
                  <a:lnTo>
                    <a:pt x="230217" y="118988"/>
                  </a:lnTo>
                  <a:lnTo>
                    <a:pt x="250532" y="73690"/>
                  </a:lnTo>
                  <a:lnTo>
                    <a:pt x="276168" y="43365"/>
                  </a:lnTo>
                  <a:lnTo>
                    <a:pt x="278886" y="40914"/>
                  </a:lnTo>
                  <a:lnTo>
                    <a:pt x="268249" y="32610"/>
                  </a:lnTo>
                  <a:lnTo>
                    <a:pt x="234497" y="13337"/>
                  </a:lnTo>
                  <a:lnTo>
                    <a:pt x="185189" y="790"/>
                  </a:lnTo>
                  <a:lnTo>
                    <a:pt x="172091" y="0"/>
                  </a:lnTo>
                  <a:close/>
                </a:path>
              </a:pathLst>
            </a:custGeom>
            <a:solidFill>
              <a:srgbClr val="BCBEBA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1" name="object 20"/>
            <p:cNvSpPr/>
            <p:nvPr/>
          </p:nvSpPr>
          <p:spPr>
            <a:xfrm>
              <a:off x="7081520" y="9874250"/>
              <a:ext cx="125730" cy="273050"/>
            </a:xfrm>
            <a:custGeom>
              <a:avLst/>
              <a:gdLst/>
              <a:ahLst/>
              <a:cxnLst/>
              <a:rect l="l" t="t" r="r" b="b"/>
              <a:pathLst>
                <a:path w="125729" h="273050">
                  <a:moveTo>
                    <a:pt x="57010" y="0"/>
                  </a:moveTo>
                  <a:lnTo>
                    <a:pt x="23337" y="37329"/>
                  </a:lnTo>
                  <a:lnTo>
                    <a:pt x="4327" y="84447"/>
                  </a:lnTo>
                  <a:lnTo>
                    <a:pt x="0" y="124143"/>
                  </a:lnTo>
                  <a:lnTo>
                    <a:pt x="480" y="138475"/>
                  </a:lnTo>
                  <a:lnTo>
                    <a:pt x="7690" y="178007"/>
                  </a:lnTo>
                  <a:lnTo>
                    <a:pt x="30742" y="222709"/>
                  </a:lnTo>
                  <a:lnTo>
                    <a:pt x="61564" y="252133"/>
                  </a:lnTo>
                  <a:lnTo>
                    <a:pt x="98158" y="272612"/>
                  </a:lnTo>
                  <a:lnTo>
                    <a:pt x="103325" y="260854"/>
                  </a:lnTo>
                  <a:lnTo>
                    <a:pt x="115612" y="224730"/>
                  </a:lnTo>
                  <a:lnTo>
                    <a:pt x="123077" y="187330"/>
                  </a:lnTo>
                  <a:lnTo>
                    <a:pt x="125723" y="148657"/>
                  </a:lnTo>
                  <a:lnTo>
                    <a:pt x="125312" y="134811"/>
                  </a:lnTo>
                  <a:lnTo>
                    <a:pt x="119125" y="95751"/>
                  </a:lnTo>
                  <a:lnTo>
                    <a:pt x="99314" y="49166"/>
                  </a:lnTo>
                  <a:lnTo>
                    <a:pt x="75779" y="18078"/>
                  </a:lnTo>
                  <a:lnTo>
                    <a:pt x="57010" y="0"/>
                  </a:lnTo>
                  <a:close/>
                </a:path>
              </a:pathLst>
            </a:custGeom>
            <a:solidFill>
              <a:srgbClr val="888C86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grpSp>
        <p:nvGrpSpPr>
          <p:cNvPr id="12" name="Group 11"/>
          <p:cNvGrpSpPr/>
          <p:nvPr userDrawn="1"/>
        </p:nvGrpSpPr>
        <p:grpSpPr>
          <a:xfrm>
            <a:off x="1942645" y="1406922"/>
            <a:ext cx="1656184" cy="1152128"/>
            <a:chOff x="153990" y="8583153"/>
            <a:chExt cx="554990" cy="500380"/>
          </a:xfrm>
        </p:grpSpPr>
        <p:sp>
          <p:nvSpPr>
            <p:cNvPr id="13" name="object 21"/>
            <p:cNvSpPr/>
            <p:nvPr/>
          </p:nvSpPr>
          <p:spPr>
            <a:xfrm>
              <a:off x="153990" y="8583153"/>
              <a:ext cx="340360" cy="500380"/>
            </a:xfrm>
            <a:custGeom>
              <a:avLst/>
              <a:gdLst/>
              <a:ahLst/>
              <a:cxnLst/>
              <a:rect l="l" t="t" r="r" b="b"/>
              <a:pathLst>
                <a:path w="340359" h="500379">
                  <a:moveTo>
                    <a:pt x="289868" y="0"/>
                  </a:moveTo>
                  <a:lnTo>
                    <a:pt x="239796" y="4972"/>
                  </a:lnTo>
                  <a:lnTo>
                    <a:pt x="192201" y="19889"/>
                  </a:lnTo>
                  <a:lnTo>
                    <a:pt x="158132" y="37604"/>
                  </a:lnTo>
                  <a:lnTo>
                    <a:pt x="125458" y="60912"/>
                  </a:lnTo>
                  <a:lnTo>
                    <a:pt x="94182" y="89815"/>
                  </a:lnTo>
                  <a:lnTo>
                    <a:pt x="66011" y="123206"/>
                  </a:lnTo>
                  <a:lnTo>
                    <a:pt x="43014" y="157017"/>
                  </a:lnTo>
                  <a:lnTo>
                    <a:pt x="25051" y="191387"/>
                  </a:lnTo>
                  <a:lnTo>
                    <a:pt x="8696" y="238332"/>
                  </a:lnTo>
                  <a:lnTo>
                    <a:pt x="722" y="286860"/>
                  </a:lnTo>
                  <a:lnTo>
                    <a:pt x="0" y="299279"/>
                  </a:lnTo>
                  <a:lnTo>
                    <a:pt x="313" y="314558"/>
                  </a:lnTo>
                  <a:lnTo>
                    <a:pt x="5673" y="356124"/>
                  </a:lnTo>
                  <a:lnTo>
                    <a:pt x="23102" y="403041"/>
                  </a:lnTo>
                  <a:lnTo>
                    <a:pt x="52241" y="442542"/>
                  </a:lnTo>
                  <a:lnTo>
                    <a:pt x="84138" y="469738"/>
                  </a:lnTo>
                  <a:lnTo>
                    <a:pt x="118026" y="488186"/>
                  </a:lnTo>
                  <a:lnTo>
                    <a:pt x="166738" y="499622"/>
                  </a:lnTo>
                  <a:lnTo>
                    <a:pt x="179607" y="500193"/>
                  </a:lnTo>
                  <a:lnTo>
                    <a:pt x="193860" y="499745"/>
                  </a:lnTo>
                  <a:lnTo>
                    <a:pt x="233244" y="492989"/>
                  </a:lnTo>
                  <a:lnTo>
                    <a:pt x="278343" y="471354"/>
                  </a:lnTo>
                  <a:lnTo>
                    <a:pt x="282909" y="449859"/>
                  </a:lnTo>
                  <a:lnTo>
                    <a:pt x="277778" y="444627"/>
                  </a:lnTo>
                  <a:lnTo>
                    <a:pt x="252776" y="413686"/>
                  </a:lnTo>
                  <a:lnTo>
                    <a:pt x="235391" y="379632"/>
                  </a:lnTo>
                  <a:lnTo>
                    <a:pt x="225625" y="342465"/>
                  </a:lnTo>
                  <a:lnTo>
                    <a:pt x="223346" y="315956"/>
                  </a:lnTo>
                  <a:lnTo>
                    <a:pt x="223582" y="302128"/>
                  </a:lnTo>
                  <a:lnTo>
                    <a:pt x="227295" y="262730"/>
                  </a:lnTo>
                  <a:lnTo>
                    <a:pt x="239255" y="214159"/>
                  </a:lnTo>
                  <a:lnTo>
                    <a:pt x="248236" y="191133"/>
                  </a:lnTo>
                  <a:lnTo>
                    <a:pt x="237922" y="184801"/>
                  </a:lnTo>
                  <a:lnTo>
                    <a:pt x="188556" y="172750"/>
                  </a:lnTo>
                  <a:lnTo>
                    <a:pt x="159033" y="172288"/>
                  </a:lnTo>
                  <a:lnTo>
                    <a:pt x="164461" y="158698"/>
                  </a:lnTo>
                  <a:lnTo>
                    <a:pt x="183490" y="121391"/>
                  </a:lnTo>
                  <a:lnTo>
                    <a:pt x="206637" y="89278"/>
                  </a:lnTo>
                  <a:lnTo>
                    <a:pt x="233899" y="62361"/>
                  </a:lnTo>
                  <a:lnTo>
                    <a:pt x="265275" y="40641"/>
                  </a:lnTo>
                  <a:lnTo>
                    <a:pt x="300762" y="24120"/>
                  </a:lnTo>
                  <a:lnTo>
                    <a:pt x="340359" y="12798"/>
                  </a:lnTo>
                  <a:lnTo>
                    <a:pt x="329297" y="7095"/>
                  </a:lnTo>
                  <a:lnTo>
                    <a:pt x="316899" y="3155"/>
                  </a:lnTo>
                  <a:lnTo>
                    <a:pt x="303922" y="838"/>
                  </a:lnTo>
                  <a:lnTo>
                    <a:pt x="291126" y="6"/>
                  </a:lnTo>
                  <a:lnTo>
                    <a:pt x="289868" y="0"/>
                  </a:lnTo>
                  <a:close/>
                </a:path>
              </a:pathLst>
            </a:custGeom>
            <a:solidFill>
              <a:srgbClr val="C0C2BE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4" name="object 22"/>
            <p:cNvSpPr/>
            <p:nvPr/>
          </p:nvSpPr>
          <p:spPr>
            <a:xfrm>
              <a:off x="387670" y="8583153"/>
              <a:ext cx="321310" cy="500380"/>
            </a:xfrm>
            <a:custGeom>
              <a:avLst/>
              <a:gdLst/>
              <a:ahLst/>
              <a:cxnLst/>
              <a:rect l="l" t="t" r="r" b="b"/>
              <a:pathLst>
                <a:path w="321309" h="500379">
                  <a:moveTo>
                    <a:pt x="261663" y="0"/>
                  </a:moveTo>
                  <a:lnTo>
                    <a:pt x="211591" y="4972"/>
                  </a:lnTo>
                  <a:lnTo>
                    <a:pt x="163996" y="19889"/>
                  </a:lnTo>
                  <a:lnTo>
                    <a:pt x="129927" y="37604"/>
                  </a:lnTo>
                  <a:lnTo>
                    <a:pt x="97253" y="60912"/>
                  </a:lnTo>
                  <a:lnTo>
                    <a:pt x="65977" y="89815"/>
                  </a:lnTo>
                  <a:lnTo>
                    <a:pt x="38211" y="122241"/>
                  </a:lnTo>
                  <a:lnTo>
                    <a:pt x="10585" y="163170"/>
                  </a:lnTo>
                  <a:lnTo>
                    <a:pt x="0" y="183490"/>
                  </a:lnTo>
                  <a:lnTo>
                    <a:pt x="11479" y="189531"/>
                  </a:lnTo>
                  <a:lnTo>
                    <a:pt x="22507" y="196023"/>
                  </a:lnTo>
                  <a:lnTo>
                    <a:pt x="53331" y="220989"/>
                  </a:lnTo>
                  <a:lnTo>
                    <a:pt x="77328" y="252983"/>
                  </a:lnTo>
                  <a:lnTo>
                    <a:pt x="94403" y="299953"/>
                  </a:lnTo>
                  <a:lnTo>
                    <a:pt x="97164" y="325834"/>
                  </a:lnTo>
                  <a:lnTo>
                    <a:pt x="96774" y="340739"/>
                  </a:lnTo>
                  <a:lnTo>
                    <a:pt x="90482" y="381158"/>
                  </a:lnTo>
                  <a:lnTo>
                    <a:pt x="70168" y="426456"/>
                  </a:lnTo>
                  <a:lnTo>
                    <a:pt x="44531" y="456780"/>
                  </a:lnTo>
                  <a:lnTo>
                    <a:pt x="41814" y="459231"/>
                  </a:lnTo>
                  <a:lnTo>
                    <a:pt x="52450" y="467536"/>
                  </a:lnTo>
                  <a:lnTo>
                    <a:pt x="86202" y="486809"/>
                  </a:lnTo>
                  <a:lnTo>
                    <a:pt x="135511" y="499355"/>
                  </a:lnTo>
                  <a:lnTo>
                    <a:pt x="148608" y="500146"/>
                  </a:lnTo>
                  <a:lnTo>
                    <a:pt x="163342" y="499723"/>
                  </a:lnTo>
                  <a:lnTo>
                    <a:pt x="203583" y="493187"/>
                  </a:lnTo>
                  <a:lnTo>
                    <a:pt x="248877" y="472192"/>
                  </a:lnTo>
                  <a:lnTo>
                    <a:pt x="278240" y="445755"/>
                  </a:lnTo>
                  <a:lnTo>
                    <a:pt x="301372" y="412777"/>
                  </a:lnTo>
                  <a:lnTo>
                    <a:pt x="318012" y="365692"/>
                  </a:lnTo>
                  <a:lnTo>
                    <a:pt x="320700" y="340368"/>
                  </a:lnTo>
                  <a:lnTo>
                    <a:pt x="320294" y="324972"/>
                  </a:lnTo>
                  <a:lnTo>
                    <a:pt x="313802" y="283764"/>
                  </a:lnTo>
                  <a:lnTo>
                    <a:pt x="292868" y="239080"/>
                  </a:lnTo>
                  <a:lnTo>
                    <a:pt x="257199" y="204222"/>
                  </a:lnTo>
                  <a:lnTo>
                    <a:pt x="212471" y="182025"/>
                  </a:lnTo>
                  <a:lnTo>
                    <a:pt x="174175" y="173895"/>
                  </a:lnTo>
                  <a:lnTo>
                    <a:pt x="130828" y="172288"/>
                  </a:lnTo>
                  <a:lnTo>
                    <a:pt x="136256" y="158698"/>
                  </a:lnTo>
                  <a:lnTo>
                    <a:pt x="155285" y="121391"/>
                  </a:lnTo>
                  <a:lnTo>
                    <a:pt x="178432" y="89278"/>
                  </a:lnTo>
                  <a:lnTo>
                    <a:pt x="205694" y="62361"/>
                  </a:lnTo>
                  <a:lnTo>
                    <a:pt x="237070" y="40641"/>
                  </a:lnTo>
                  <a:lnTo>
                    <a:pt x="272557" y="24120"/>
                  </a:lnTo>
                  <a:lnTo>
                    <a:pt x="312154" y="12798"/>
                  </a:lnTo>
                  <a:lnTo>
                    <a:pt x="301092" y="7095"/>
                  </a:lnTo>
                  <a:lnTo>
                    <a:pt x="288694" y="3155"/>
                  </a:lnTo>
                  <a:lnTo>
                    <a:pt x="275717" y="838"/>
                  </a:lnTo>
                  <a:lnTo>
                    <a:pt x="262921" y="6"/>
                  </a:lnTo>
                  <a:lnTo>
                    <a:pt x="261663" y="0"/>
                  </a:lnTo>
                  <a:close/>
                </a:path>
              </a:pathLst>
            </a:custGeom>
            <a:solidFill>
              <a:srgbClr val="C0C2BE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5" name="object 23"/>
            <p:cNvSpPr/>
            <p:nvPr/>
          </p:nvSpPr>
          <p:spPr>
            <a:xfrm>
              <a:off x="368620" y="8775700"/>
              <a:ext cx="125730" cy="273050"/>
            </a:xfrm>
            <a:custGeom>
              <a:avLst/>
              <a:gdLst/>
              <a:ahLst/>
              <a:cxnLst/>
              <a:rect l="l" t="t" r="r" b="b"/>
              <a:pathLst>
                <a:path w="125730" h="273050">
                  <a:moveTo>
                    <a:pt x="27565" y="0"/>
                  </a:moveTo>
                  <a:lnTo>
                    <a:pt x="13670" y="35698"/>
                  </a:lnTo>
                  <a:lnTo>
                    <a:pt x="2646" y="85281"/>
                  </a:lnTo>
                  <a:lnTo>
                    <a:pt x="0" y="123954"/>
                  </a:lnTo>
                  <a:lnTo>
                    <a:pt x="411" y="137801"/>
                  </a:lnTo>
                  <a:lnTo>
                    <a:pt x="6597" y="176860"/>
                  </a:lnTo>
                  <a:lnTo>
                    <a:pt x="26409" y="223446"/>
                  </a:lnTo>
                  <a:lnTo>
                    <a:pt x="49944" y="254534"/>
                  </a:lnTo>
                  <a:lnTo>
                    <a:pt x="68713" y="272612"/>
                  </a:lnTo>
                  <a:lnTo>
                    <a:pt x="72955" y="271462"/>
                  </a:lnTo>
                  <a:lnTo>
                    <a:pt x="102386" y="235282"/>
                  </a:lnTo>
                  <a:lnTo>
                    <a:pt x="121396" y="188165"/>
                  </a:lnTo>
                  <a:lnTo>
                    <a:pt x="125723" y="148468"/>
                  </a:lnTo>
                  <a:lnTo>
                    <a:pt x="125242" y="134136"/>
                  </a:lnTo>
                  <a:lnTo>
                    <a:pt x="118033" y="94605"/>
                  </a:lnTo>
                  <a:lnTo>
                    <a:pt x="94981" y="49902"/>
                  </a:lnTo>
                  <a:lnTo>
                    <a:pt x="64159" y="20478"/>
                  </a:lnTo>
                  <a:lnTo>
                    <a:pt x="27565" y="0"/>
                  </a:lnTo>
                  <a:close/>
                </a:path>
              </a:pathLst>
            </a:custGeom>
            <a:solidFill>
              <a:srgbClr val="888C86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sp>
        <p:nvSpPr>
          <p:cNvPr id="16" name="Text Placeholder 5"/>
          <p:cNvSpPr>
            <a:spLocks noGrp="1"/>
          </p:cNvSpPr>
          <p:nvPr>
            <p:ph type="body" sz="quarter" idx="11" hasCustomPrompt="1"/>
          </p:nvPr>
        </p:nvSpPr>
        <p:spPr>
          <a:xfrm>
            <a:off x="4003378" y="2990378"/>
            <a:ext cx="11593288" cy="5666739"/>
          </a:xfrm>
          <a:prstGeom prst="rect">
            <a:avLst/>
          </a:prstGeom>
        </p:spPr>
        <p:txBody>
          <a:bodyPr anchor="ctr"/>
          <a:lstStyle>
            <a:lvl1pPr algn="ctr">
              <a:defRPr sz="5400" i="1">
                <a:solidFill>
                  <a:schemeClr val="bg1"/>
                </a:solidFill>
                <a:latin typeface="Georgia" panose="02040502050405020303" pitchFamily="18" charset="0"/>
              </a:defRPr>
            </a:lvl1pPr>
          </a:lstStyle>
          <a:p>
            <a:pPr lvl="0"/>
            <a:r>
              <a:rPr lang="en-US"/>
              <a:t>Quote</a:t>
            </a:r>
            <a:endParaRPr lang="fr-CH"/>
          </a:p>
        </p:txBody>
      </p:sp>
      <p:sp>
        <p:nvSpPr>
          <p:cNvPr id="17" name="Text Placeholder 5"/>
          <p:cNvSpPr>
            <a:spLocks noGrp="1"/>
          </p:cNvSpPr>
          <p:nvPr>
            <p:ph type="body" sz="quarter" idx="12" hasCustomPrompt="1"/>
          </p:nvPr>
        </p:nvSpPr>
        <p:spPr>
          <a:xfrm>
            <a:off x="12069241" y="8970126"/>
            <a:ext cx="3527425" cy="754063"/>
          </a:xfrm>
          <a:prstGeom prst="rect">
            <a:avLst/>
          </a:prstGeom>
        </p:spPr>
        <p:txBody>
          <a:bodyPr/>
          <a:lstStyle>
            <a:lvl1pPr algn="r">
              <a:defRPr>
                <a:solidFill>
                  <a:srgbClr val="ADACA1"/>
                </a:solidFill>
              </a:defRPr>
            </a:lvl1pPr>
          </a:lstStyle>
          <a:p>
            <a:pPr lvl="0"/>
            <a:r>
              <a:rPr lang="en-US"/>
              <a:t>Source: xxx</a:t>
            </a:r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62482156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lit  message page">
    <p:bg>
      <p:bgPr>
        <a:solidFill>
          <a:srgbClr val="87877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-15875"/>
            <a:ext cx="10052050" cy="11309350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7" name="Holder 2"/>
          <p:cNvSpPr>
            <a:spLocks noGrp="1"/>
          </p:cNvSpPr>
          <p:nvPr>
            <p:ph type="title"/>
          </p:nvPr>
        </p:nvSpPr>
        <p:spPr>
          <a:xfrm>
            <a:off x="11708234" y="4070499"/>
            <a:ext cx="7286072" cy="213614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algn="ctr">
              <a:defRPr sz="9600" b="0" i="0">
                <a:solidFill>
                  <a:schemeClr val="bg1"/>
                </a:solidFill>
                <a:latin typeface="Georgia"/>
                <a:cs typeface="Georgia"/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8" name="Content Placeholder 7"/>
          <p:cNvSpPr>
            <a:spLocks noGrp="1"/>
          </p:cNvSpPr>
          <p:nvPr>
            <p:ph sz="quarter" idx="10"/>
          </p:nvPr>
        </p:nvSpPr>
        <p:spPr>
          <a:xfrm>
            <a:off x="1289050" y="1006475"/>
            <a:ext cx="7772400" cy="9372600"/>
          </a:xfrm>
          <a:prstGeom prst="rect">
            <a:avLst/>
          </a:prstGeom>
        </p:spPr>
        <p:txBody>
          <a:bodyPr/>
          <a:lstStyle>
            <a:lvl1pPr>
              <a:defRPr sz="32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00698" y="10507513"/>
            <a:ext cx="1760464" cy="763786"/>
          </a:xfrm>
          <a:prstGeom prst="rect">
            <a:avLst/>
          </a:prstGeom>
        </p:spPr>
      </p:pic>
      <p:sp>
        <p:nvSpPr>
          <p:cNvPr id="2" name="TextBox 1"/>
          <p:cNvSpPr txBox="1"/>
          <p:nvPr userDrawn="1"/>
        </p:nvSpPr>
        <p:spPr>
          <a:xfrm>
            <a:off x="11452778" y="4934595"/>
            <a:ext cx="728607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Clr>
                <a:schemeClr val="bg1"/>
              </a:buClr>
              <a:buSzPct val="150000"/>
              <a:buFont typeface="Arial" panose="020B0604020202020204" pitchFamily="34" charset="0"/>
              <a:buChar char="•"/>
            </a:pPr>
            <a:endParaRPr lang="fr-CH" sz="2400">
              <a:solidFill>
                <a:schemeClr val="bg1"/>
              </a:solidFill>
            </a:endParaRPr>
          </a:p>
          <a:p>
            <a:pPr marL="800100" lvl="1" indent="-342900">
              <a:buClr>
                <a:schemeClr val="bg1"/>
              </a:buClr>
              <a:buFont typeface="Arial" panose="020B0604020202020204" pitchFamily="34" charset="0"/>
              <a:buChar char="•"/>
            </a:pPr>
            <a:endParaRPr lang="fr-CH" sz="240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2276391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-15875"/>
            <a:ext cx="8214610" cy="11309350"/>
          </a:xfrm>
          <a:prstGeom prst="rect">
            <a:avLst/>
          </a:prstGeom>
          <a:solidFill>
            <a:srgbClr val="00143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7" name="Holder 2"/>
          <p:cNvSpPr>
            <a:spLocks noGrp="1"/>
          </p:cNvSpPr>
          <p:nvPr>
            <p:ph type="title" hasCustomPrompt="1"/>
          </p:nvPr>
        </p:nvSpPr>
        <p:spPr>
          <a:xfrm>
            <a:off x="464269" y="4177749"/>
            <a:ext cx="7286072" cy="213614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algn="ctr">
              <a:defRPr sz="9600" b="0" i="0">
                <a:solidFill>
                  <a:schemeClr val="bg1"/>
                </a:solidFill>
                <a:latin typeface="Georgia"/>
                <a:cs typeface="Georgia"/>
              </a:defRPr>
            </a:lvl1pPr>
          </a:lstStyle>
          <a:p>
            <a:r>
              <a:rPr lang="en-US"/>
              <a:t>AGENDA</a:t>
            </a:r>
            <a:endParaRPr/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900651" y="10301089"/>
            <a:ext cx="1760464" cy="763786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938" y="10507513"/>
            <a:ext cx="1760464" cy="763786"/>
          </a:xfrm>
          <a:prstGeom prst="rect">
            <a:avLst/>
          </a:prstGeom>
        </p:spPr>
      </p:pic>
      <p:sp>
        <p:nvSpPr>
          <p:cNvPr id="5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9058885" y="2060575"/>
            <a:ext cx="7705725" cy="7156450"/>
          </a:xfrm>
          <a:prstGeom prst="rect">
            <a:avLst/>
          </a:prstGeom>
        </p:spPr>
        <p:txBody>
          <a:bodyPr anchor="ctr"/>
          <a:lstStyle>
            <a:lvl1pPr marL="742950" indent="-742950">
              <a:buFont typeface="+mj-lt"/>
              <a:buAutoNum type="arabicPeriod"/>
              <a:defRPr sz="4000" u="sng">
                <a:solidFill>
                  <a:srgbClr val="001436"/>
                </a:solidFill>
              </a:defRPr>
            </a:lvl1pPr>
            <a:lvl2pPr marL="1200150" indent="-742950">
              <a:buFont typeface="+mj-lt"/>
              <a:buAutoNum type="arabicPeriod"/>
              <a:defRPr sz="4000">
                <a:solidFill>
                  <a:srgbClr val="001436"/>
                </a:solidFill>
              </a:defRPr>
            </a:lvl2pPr>
            <a:lvl3pPr marL="1657350" indent="-742950">
              <a:buFont typeface="+mj-lt"/>
              <a:buAutoNum type="arabicPeriod"/>
              <a:defRPr sz="4000">
                <a:solidFill>
                  <a:srgbClr val="001436"/>
                </a:solidFill>
              </a:defRPr>
            </a:lvl3pPr>
            <a:lvl4pPr marL="2114550" indent="-742950">
              <a:buFont typeface="+mj-lt"/>
              <a:buAutoNum type="arabicPeriod"/>
              <a:defRPr sz="4000">
                <a:solidFill>
                  <a:srgbClr val="001436"/>
                </a:solidFill>
              </a:defRPr>
            </a:lvl4pPr>
            <a:lvl5pPr marL="2571750" indent="-742950">
              <a:buFont typeface="+mj-lt"/>
              <a:buAutoNum type="arabicPeriod"/>
              <a:defRPr sz="4000">
                <a:solidFill>
                  <a:srgbClr val="001436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35636336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 image + message page">
    <p:bg>
      <p:bgPr>
        <a:solidFill>
          <a:srgbClr val="87877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0" y="-15875"/>
            <a:ext cx="10052050" cy="11309350"/>
          </a:xfrm>
          <a:prstGeom prst="rect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7" name="Holder 2"/>
          <p:cNvSpPr>
            <a:spLocks noGrp="1"/>
          </p:cNvSpPr>
          <p:nvPr>
            <p:ph type="title"/>
          </p:nvPr>
        </p:nvSpPr>
        <p:spPr>
          <a:xfrm>
            <a:off x="11564218" y="2027640"/>
            <a:ext cx="7286072" cy="213614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defRPr sz="9600" b="0" i="0">
                <a:solidFill>
                  <a:schemeClr val="bg1"/>
                </a:solidFill>
                <a:latin typeface="Georgia"/>
                <a:cs typeface="Georgia"/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8" name="Content Placeholder 7"/>
          <p:cNvSpPr>
            <a:spLocks noGrp="1"/>
          </p:cNvSpPr>
          <p:nvPr>
            <p:ph sz="quarter" idx="10"/>
          </p:nvPr>
        </p:nvSpPr>
        <p:spPr>
          <a:xfrm>
            <a:off x="1289050" y="1006475"/>
            <a:ext cx="7772400" cy="9372600"/>
          </a:xfrm>
          <a:prstGeom prst="rect">
            <a:avLst/>
          </a:prstGeom>
        </p:spPr>
        <p:txBody>
          <a:bodyPr/>
          <a:lstStyle>
            <a:lvl1pPr>
              <a:defRPr sz="32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grpSp>
        <p:nvGrpSpPr>
          <p:cNvPr id="11" name="Group 10"/>
          <p:cNvGrpSpPr/>
          <p:nvPr userDrawn="1"/>
        </p:nvGrpSpPr>
        <p:grpSpPr>
          <a:xfrm>
            <a:off x="13328650" y="5197475"/>
            <a:ext cx="6753723" cy="6170597"/>
            <a:chOff x="13350377" y="4396456"/>
            <a:chExt cx="6753723" cy="6170597"/>
          </a:xfrm>
        </p:grpSpPr>
        <p:sp>
          <p:nvSpPr>
            <p:cNvPr id="12" name="object 21"/>
            <p:cNvSpPr/>
            <p:nvPr/>
          </p:nvSpPr>
          <p:spPr>
            <a:xfrm>
              <a:off x="13350377" y="4396456"/>
              <a:ext cx="6753723" cy="6170597"/>
            </a:xfrm>
            <a:prstGeom prst="rect">
              <a:avLst/>
            </a:prstGeom>
            <a:blipFill>
              <a:blip r:embed="rId2" cstate="print"/>
              <a:stretch>
                <a:fillRect/>
              </a:stretch>
            </a:blip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3" name="object 22"/>
            <p:cNvSpPr/>
            <p:nvPr/>
          </p:nvSpPr>
          <p:spPr>
            <a:xfrm>
              <a:off x="16758070" y="7419613"/>
              <a:ext cx="3285490" cy="2767965"/>
            </a:xfrm>
            <a:custGeom>
              <a:avLst/>
              <a:gdLst/>
              <a:ahLst/>
              <a:cxnLst/>
              <a:rect l="l" t="t" r="r" b="b"/>
              <a:pathLst>
                <a:path w="3285490" h="2767965">
                  <a:moveTo>
                    <a:pt x="3228875" y="1244056"/>
                  </a:moveTo>
                  <a:lnTo>
                    <a:pt x="3197441" y="1278662"/>
                  </a:lnTo>
                  <a:lnTo>
                    <a:pt x="3188520" y="1312431"/>
                  </a:lnTo>
                  <a:lnTo>
                    <a:pt x="3252633" y="1341938"/>
                  </a:lnTo>
                  <a:lnTo>
                    <a:pt x="3276497" y="1305206"/>
                  </a:lnTo>
                  <a:lnTo>
                    <a:pt x="3285114" y="1280819"/>
                  </a:lnTo>
                  <a:lnTo>
                    <a:pt x="3228875" y="1244056"/>
                  </a:lnTo>
                  <a:close/>
                </a:path>
                <a:path w="3285490" h="2767965">
                  <a:moveTo>
                    <a:pt x="4073" y="2746701"/>
                  </a:moveTo>
                  <a:lnTo>
                    <a:pt x="2607" y="2754942"/>
                  </a:lnTo>
                  <a:lnTo>
                    <a:pt x="0" y="2763004"/>
                  </a:lnTo>
                  <a:lnTo>
                    <a:pt x="19465" y="2767873"/>
                  </a:lnTo>
                  <a:lnTo>
                    <a:pt x="22240" y="2759361"/>
                  </a:lnTo>
                  <a:lnTo>
                    <a:pt x="24124" y="2749382"/>
                  </a:lnTo>
                  <a:lnTo>
                    <a:pt x="4073" y="2746701"/>
                  </a:lnTo>
                  <a:close/>
                </a:path>
                <a:path w="3285490" h="2767965">
                  <a:moveTo>
                    <a:pt x="319278" y="1972076"/>
                  </a:moveTo>
                  <a:lnTo>
                    <a:pt x="310357" y="1988285"/>
                  </a:lnTo>
                  <a:lnTo>
                    <a:pt x="328429" y="1995687"/>
                  </a:lnTo>
                  <a:lnTo>
                    <a:pt x="337424" y="1979992"/>
                  </a:lnTo>
                  <a:lnTo>
                    <a:pt x="319278" y="1972076"/>
                  </a:lnTo>
                  <a:close/>
                </a:path>
                <a:path w="3285490" h="2767965">
                  <a:moveTo>
                    <a:pt x="822540" y="1279720"/>
                  </a:moveTo>
                  <a:lnTo>
                    <a:pt x="815723" y="1286274"/>
                  </a:lnTo>
                  <a:lnTo>
                    <a:pt x="808959" y="1294295"/>
                  </a:lnTo>
                  <a:lnTo>
                    <a:pt x="825346" y="1304682"/>
                  </a:lnTo>
                  <a:lnTo>
                    <a:pt x="831032" y="1297855"/>
                  </a:lnTo>
                  <a:lnTo>
                    <a:pt x="837534" y="1291625"/>
                  </a:lnTo>
                  <a:lnTo>
                    <a:pt x="822540" y="1279720"/>
                  </a:lnTo>
                  <a:close/>
                </a:path>
                <a:path w="3285490" h="2767965">
                  <a:moveTo>
                    <a:pt x="1487630" y="702680"/>
                  </a:moveTo>
                  <a:lnTo>
                    <a:pt x="1479201" y="707591"/>
                  </a:lnTo>
                  <a:lnTo>
                    <a:pt x="1470384" y="714386"/>
                  </a:lnTo>
                  <a:lnTo>
                    <a:pt x="1483933" y="727527"/>
                  </a:lnTo>
                  <a:lnTo>
                    <a:pt x="1491001" y="721988"/>
                  </a:lnTo>
                  <a:lnTo>
                    <a:pt x="1498865" y="717402"/>
                  </a:lnTo>
                  <a:lnTo>
                    <a:pt x="1487630" y="702680"/>
                  </a:lnTo>
                  <a:close/>
                </a:path>
                <a:path w="3285490" h="2767965">
                  <a:moveTo>
                    <a:pt x="2281543" y="268620"/>
                  </a:moveTo>
                  <a:lnTo>
                    <a:pt x="2272224" y="272106"/>
                  </a:lnTo>
                  <a:lnTo>
                    <a:pt x="2262747" y="276232"/>
                  </a:lnTo>
                  <a:lnTo>
                    <a:pt x="2271166" y="291750"/>
                  </a:lnTo>
                  <a:lnTo>
                    <a:pt x="2289542" y="284881"/>
                  </a:lnTo>
                  <a:lnTo>
                    <a:pt x="2281543" y="268620"/>
                  </a:lnTo>
                  <a:close/>
                </a:path>
                <a:path w="3285490" h="2767965">
                  <a:moveTo>
                    <a:pt x="3172091" y="0"/>
                  </a:moveTo>
                  <a:lnTo>
                    <a:pt x="3162353" y="1842"/>
                  </a:lnTo>
                  <a:lnTo>
                    <a:pt x="3164427" y="10502"/>
                  </a:lnTo>
                  <a:lnTo>
                    <a:pt x="3167044" y="19057"/>
                  </a:lnTo>
                  <a:lnTo>
                    <a:pt x="3176730" y="16941"/>
                  </a:lnTo>
                  <a:lnTo>
                    <a:pt x="3172091" y="0"/>
                  </a:lnTo>
                  <a:close/>
                </a:path>
              </a:pathLst>
            </a:custGeom>
            <a:solidFill>
              <a:srgbClr val="AFADA2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4" name="object 24"/>
            <p:cNvSpPr/>
            <p:nvPr/>
          </p:nvSpPr>
          <p:spPr>
            <a:xfrm>
              <a:off x="15701714" y="6497129"/>
              <a:ext cx="4007485" cy="3487420"/>
            </a:xfrm>
            <a:custGeom>
              <a:avLst/>
              <a:gdLst/>
              <a:ahLst/>
              <a:cxnLst/>
              <a:rect l="l" t="t" r="r" b="b"/>
              <a:pathLst>
                <a:path w="4007484" h="3487420">
                  <a:moveTo>
                    <a:pt x="8167" y="3444628"/>
                  </a:moveTo>
                  <a:lnTo>
                    <a:pt x="5256" y="3461119"/>
                  </a:lnTo>
                  <a:lnTo>
                    <a:pt x="0" y="3477234"/>
                  </a:lnTo>
                  <a:lnTo>
                    <a:pt x="38941" y="3486961"/>
                  </a:lnTo>
                  <a:lnTo>
                    <a:pt x="44522" y="3469957"/>
                  </a:lnTo>
                  <a:lnTo>
                    <a:pt x="48228" y="3450010"/>
                  </a:lnTo>
                  <a:lnTo>
                    <a:pt x="8167" y="3444628"/>
                  </a:lnTo>
                  <a:close/>
                </a:path>
                <a:path w="4007484" h="3487420">
                  <a:moveTo>
                    <a:pt x="406835" y="2472039"/>
                  </a:moveTo>
                  <a:lnTo>
                    <a:pt x="388982" y="2504447"/>
                  </a:lnTo>
                  <a:lnTo>
                    <a:pt x="425107" y="2519263"/>
                  </a:lnTo>
                  <a:lnTo>
                    <a:pt x="443085" y="2487861"/>
                  </a:lnTo>
                  <a:lnTo>
                    <a:pt x="406835" y="2472039"/>
                  </a:lnTo>
                  <a:close/>
                </a:path>
                <a:path w="4007484" h="3487420">
                  <a:moveTo>
                    <a:pt x="1042209" y="1603061"/>
                  </a:moveTo>
                  <a:lnTo>
                    <a:pt x="1028565" y="1616149"/>
                  </a:lnTo>
                  <a:lnTo>
                    <a:pt x="1015047" y="1632180"/>
                  </a:lnTo>
                  <a:lnTo>
                    <a:pt x="1047821" y="1652986"/>
                  </a:lnTo>
                  <a:lnTo>
                    <a:pt x="1059224" y="1639321"/>
                  </a:lnTo>
                  <a:lnTo>
                    <a:pt x="1072229" y="1626861"/>
                  </a:lnTo>
                  <a:lnTo>
                    <a:pt x="1042209" y="1603061"/>
                  </a:lnTo>
                  <a:close/>
                </a:path>
                <a:path w="4007484" h="3487420">
                  <a:moveTo>
                    <a:pt x="1880906" y="879271"/>
                  </a:moveTo>
                  <a:lnTo>
                    <a:pt x="1864058" y="889082"/>
                  </a:lnTo>
                  <a:lnTo>
                    <a:pt x="1846404" y="902674"/>
                  </a:lnTo>
                  <a:lnTo>
                    <a:pt x="1873503" y="928966"/>
                  </a:lnTo>
                  <a:lnTo>
                    <a:pt x="1887649" y="917867"/>
                  </a:lnTo>
                  <a:lnTo>
                    <a:pt x="1903376" y="908705"/>
                  </a:lnTo>
                  <a:lnTo>
                    <a:pt x="1880906" y="879271"/>
                  </a:lnTo>
                  <a:close/>
                </a:path>
                <a:path w="4007484" h="3487420">
                  <a:moveTo>
                    <a:pt x="2880519" y="335424"/>
                  </a:moveTo>
                  <a:lnTo>
                    <a:pt x="2861881" y="342397"/>
                  </a:lnTo>
                  <a:lnTo>
                    <a:pt x="2842876" y="350638"/>
                  </a:lnTo>
                  <a:lnTo>
                    <a:pt x="2859755" y="381684"/>
                  </a:lnTo>
                  <a:lnTo>
                    <a:pt x="2896477" y="367936"/>
                  </a:lnTo>
                  <a:lnTo>
                    <a:pt x="2880519" y="335424"/>
                  </a:lnTo>
                  <a:close/>
                </a:path>
                <a:path w="4007484" h="3487420">
                  <a:moveTo>
                    <a:pt x="3997637" y="0"/>
                  </a:moveTo>
                  <a:lnTo>
                    <a:pt x="3978140" y="3685"/>
                  </a:lnTo>
                  <a:lnTo>
                    <a:pt x="3982339" y="20994"/>
                  </a:lnTo>
                  <a:lnTo>
                    <a:pt x="3987553" y="38093"/>
                  </a:lnTo>
                  <a:lnTo>
                    <a:pt x="4006925" y="33862"/>
                  </a:lnTo>
                  <a:lnTo>
                    <a:pt x="3997637" y="0"/>
                  </a:lnTo>
                  <a:close/>
                </a:path>
              </a:pathLst>
            </a:custGeom>
            <a:solidFill>
              <a:srgbClr val="AFADA2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5" name="object 26"/>
            <p:cNvSpPr/>
            <p:nvPr/>
          </p:nvSpPr>
          <p:spPr>
            <a:xfrm>
              <a:off x="14645329" y="5574633"/>
              <a:ext cx="4837430" cy="4206240"/>
            </a:xfrm>
            <a:custGeom>
              <a:avLst/>
              <a:gdLst/>
              <a:ahLst/>
              <a:cxnLst/>
              <a:rect l="l" t="t" r="r" b="b"/>
              <a:pathLst>
                <a:path w="4837430" h="4206240">
                  <a:moveTo>
                    <a:pt x="12261" y="4142564"/>
                  </a:moveTo>
                  <a:lnTo>
                    <a:pt x="7905" y="4167307"/>
                  </a:lnTo>
                  <a:lnTo>
                    <a:pt x="0" y="4191484"/>
                  </a:lnTo>
                  <a:lnTo>
                    <a:pt x="58427" y="4206081"/>
                  </a:lnTo>
                  <a:lnTo>
                    <a:pt x="66793" y="4180563"/>
                  </a:lnTo>
                  <a:lnTo>
                    <a:pt x="72374" y="4150638"/>
                  </a:lnTo>
                  <a:lnTo>
                    <a:pt x="12261" y="4142564"/>
                  </a:lnTo>
                  <a:close/>
                </a:path>
                <a:path w="4837430" h="4206240">
                  <a:moveTo>
                    <a:pt x="494372" y="2972014"/>
                  </a:moveTo>
                  <a:lnTo>
                    <a:pt x="467608" y="3020630"/>
                  </a:lnTo>
                  <a:lnTo>
                    <a:pt x="521795" y="3042849"/>
                  </a:lnTo>
                  <a:lnTo>
                    <a:pt x="548800" y="2995741"/>
                  </a:lnTo>
                  <a:lnTo>
                    <a:pt x="494372" y="2972014"/>
                  </a:lnTo>
                  <a:close/>
                </a:path>
                <a:path w="4837430" h="4206240">
                  <a:moveTo>
                    <a:pt x="1261919" y="1926402"/>
                  </a:moveTo>
                  <a:lnTo>
                    <a:pt x="1241459" y="1946045"/>
                  </a:lnTo>
                  <a:lnTo>
                    <a:pt x="1221198" y="1970107"/>
                  </a:lnTo>
                  <a:lnTo>
                    <a:pt x="1270380" y="2001289"/>
                  </a:lnTo>
                  <a:lnTo>
                    <a:pt x="1287426" y="1980798"/>
                  </a:lnTo>
                  <a:lnTo>
                    <a:pt x="1306934" y="1962097"/>
                  </a:lnTo>
                  <a:lnTo>
                    <a:pt x="1261919" y="1926402"/>
                  </a:lnTo>
                  <a:close/>
                </a:path>
                <a:path w="4837430" h="4206240">
                  <a:moveTo>
                    <a:pt x="2274182" y="1055863"/>
                  </a:moveTo>
                  <a:lnTo>
                    <a:pt x="2248905" y="1070585"/>
                  </a:lnTo>
                  <a:lnTo>
                    <a:pt x="2222424" y="1090961"/>
                  </a:lnTo>
                  <a:lnTo>
                    <a:pt x="2263114" y="1130415"/>
                  </a:lnTo>
                  <a:lnTo>
                    <a:pt x="2284296" y="1113756"/>
                  </a:lnTo>
                  <a:lnTo>
                    <a:pt x="2307919" y="1100018"/>
                  </a:lnTo>
                  <a:lnTo>
                    <a:pt x="2274182" y="1055863"/>
                  </a:lnTo>
                  <a:close/>
                </a:path>
                <a:path w="4837430" h="4206240">
                  <a:moveTo>
                    <a:pt x="3479475" y="402228"/>
                  </a:moveTo>
                  <a:lnTo>
                    <a:pt x="3451549" y="412689"/>
                  </a:lnTo>
                  <a:lnTo>
                    <a:pt x="3423068" y="425065"/>
                  </a:lnTo>
                  <a:lnTo>
                    <a:pt x="3448355" y="471629"/>
                  </a:lnTo>
                  <a:lnTo>
                    <a:pt x="3503474" y="451012"/>
                  </a:lnTo>
                  <a:lnTo>
                    <a:pt x="3479475" y="402228"/>
                  </a:lnTo>
                  <a:close/>
                </a:path>
                <a:path w="4837430" h="4206240">
                  <a:moveTo>
                    <a:pt x="4823214" y="0"/>
                  </a:moveTo>
                  <a:lnTo>
                    <a:pt x="4793969" y="5539"/>
                  </a:lnTo>
                  <a:lnTo>
                    <a:pt x="4800251" y="31496"/>
                  </a:lnTo>
                  <a:lnTo>
                    <a:pt x="4808115" y="57150"/>
                  </a:lnTo>
                  <a:lnTo>
                    <a:pt x="4837161" y="50804"/>
                  </a:lnTo>
                  <a:lnTo>
                    <a:pt x="4823214" y="0"/>
                  </a:lnTo>
                  <a:close/>
                </a:path>
              </a:pathLst>
            </a:custGeom>
            <a:solidFill>
              <a:srgbClr val="AFADA2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6" name="object 28"/>
            <p:cNvSpPr/>
            <p:nvPr/>
          </p:nvSpPr>
          <p:spPr>
            <a:xfrm>
              <a:off x="13588984" y="4652136"/>
              <a:ext cx="5667375" cy="4925695"/>
            </a:xfrm>
            <a:custGeom>
              <a:avLst/>
              <a:gdLst/>
              <a:ahLst/>
              <a:cxnLst/>
              <a:rect l="l" t="t" r="r" b="b"/>
              <a:pathLst>
                <a:path w="5667375" h="4925695">
                  <a:moveTo>
                    <a:pt x="16324" y="4840501"/>
                  </a:moveTo>
                  <a:lnTo>
                    <a:pt x="10512" y="4873495"/>
                  </a:lnTo>
                  <a:lnTo>
                    <a:pt x="0" y="4905735"/>
                  </a:lnTo>
                  <a:lnTo>
                    <a:pt x="77892" y="4925190"/>
                  </a:lnTo>
                  <a:lnTo>
                    <a:pt x="89033" y="4891180"/>
                  </a:lnTo>
                  <a:lnTo>
                    <a:pt x="96468" y="4851265"/>
                  </a:lnTo>
                  <a:lnTo>
                    <a:pt x="16324" y="4840501"/>
                  </a:lnTo>
                  <a:close/>
                </a:path>
                <a:path w="5667375" h="4925695">
                  <a:moveTo>
                    <a:pt x="581908" y="3471988"/>
                  </a:moveTo>
                  <a:lnTo>
                    <a:pt x="546224" y="3536803"/>
                  </a:lnTo>
                  <a:lnTo>
                    <a:pt x="618462" y="3566435"/>
                  </a:lnTo>
                  <a:lnTo>
                    <a:pt x="654461" y="3503631"/>
                  </a:lnTo>
                  <a:lnTo>
                    <a:pt x="581908" y="3471988"/>
                  </a:lnTo>
                  <a:close/>
                </a:path>
                <a:path w="5667375" h="4925695">
                  <a:moveTo>
                    <a:pt x="1481588" y="2249753"/>
                  </a:moveTo>
                  <a:lnTo>
                    <a:pt x="1454311" y="2275930"/>
                  </a:lnTo>
                  <a:lnTo>
                    <a:pt x="1427286" y="2308013"/>
                  </a:lnTo>
                  <a:lnTo>
                    <a:pt x="1492855" y="2349593"/>
                  </a:lnTo>
                  <a:lnTo>
                    <a:pt x="1515629" y="2322274"/>
                  </a:lnTo>
                  <a:lnTo>
                    <a:pt x="1541597" y="2297354"/>
                  </a:lnTo>
                  <a:lnTo>
                    <a:pt x="1481588" y="2249753"/>
                  </a:lnTo>
                  <a:close/>
                </a:path>
                <a:path w="5667375" h="4925695">
                  <a:moveTo>
                    <a:pt x="2667447" y="1232454"/>
                  </a:moveTo>
                  <a:lnTo>
                    <a:pt x="2633741" y="1252087"/>
                  </a:lnTo>
                  <a:lnTo>
                    <a:pt x="2598444" y="1279259"/>
                  </a:lnTo>
                  <a:lnTo>
                    <a:pt x="2652673" y="1331854"/>
                  </a:lnTo>
                  <a:lnTo>
                    <a:pt x="2680934" y="1309656"/>
                  </a:lnTo>
                  <a:lnTo>
                    <a:pt x="2712430" y="1291342"/>
                  </a:lnTo>
                  <a:lnTo>
                    <a:pt x="2667447" y="1232454"/>
                  </a:lnTo>
                  <a:close/>
                </a:path>
                <a:path w="5667375" h="4925695">
                  <a:moveTo>
                    <a:pt x="4078441" y="469053"/>
                  </a:moveTo>
                  <a:lnTo>
                    <a:pt x="4041196" y="482990"/>
                  </a:lnTo>
                  <a:lnTo>
                    <a:pt x="4003187" y="499492"/>
                  </a:lnTo>
                  <a:lnTo>
                    <a:pt x="4036934" y="561574"/>
                  </a:lnTo>
                  <a:lnTo>
                    <a:pt x="4110398" y="534088"/>
                  </a:lnTo>
                  <a:lnTo>
                    <a:pt x="4078441" y="469053"/>
                  </a:lnTo>
                  <a:close/>
                </a:path>
                <a:path w="5667375" h="4925695">
                  <a:moveTo>
                    <a:pt x="5648749" y="0"/>
                  </a:moveTo>
                  <a:lnTo>
                    <a:pt x="5609766" y="7381"/>
                  </a:lnTo>
                  <a:lnTo>
                    <a:pt x="5618153" y="42009"/>
                  </a:lnTo>
                  <a:lnTo>
                    <a:pt x="5628624" y="76207"/>
                  </a:lnTo>
                  <a:lnTo>
                    <a:pt x="5667366" y="67746"/>
                  </a:lnTo>
                  <a:lnTo>
                    <a:pt x="5648749" y="0"/>
                  </a:lnTo>
                  <a:close/>
                </a:path>
              </a:pathLst>
            </a:custGeom>
            <a:solidFill>
              <a:srgbClr val="AFADA2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7" name="object 36"/>
            <p:cNvSpPr/>
            <p:nvPr/>
          </p:nvSpPr>
          <p:spPr>
            <a:xfrm>
              <a:off x="19422183" y="5732809"/>
              <a:ext cx="238760" cy="0"/>
            </a:xfrm>
            <a:custGeom>
              <a:avLst/>
              <a:gdLst/>
              <a:ahLst/>
              <a:cxnLst/>
              <a:rect l="l" t="t" r="r" b="b"/>
              <a:pathLst>
                <a:path w="238759">
                  <a:moveTo>
                    <a:pt x="238212" y="0"/>
                  </a:moveTo>
                  <a:lnTo>
                    <a:pt x="0" y="0"/>
                  </a:lnTo>
                </a:path>
              </a:pathLst>
            </a:custGeom>
            <a:ln w="10470">
              <a:solidFill>
                <a:srgbClr val="888875"/>
              </a:solidFill>
            </a:ln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32970" y="10551219"/>
            <a:ext cx="1760464" cy="7637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33782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ight with patter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bject 2"/>
          <p:cNvSpPr/>
          <p:nvPr userDrawn="1"/>
        </p:nvSpPr>
        <p:spPr>
          <a:xfrm>
            <a:off x="5083498" y="686124"/>
            <a:ext cx="9649072" cy="9217024"/>
          </a:xfrm>
          <a:prstGeom prst="rect">
            <a:avLst/>
          </a:prstGeom>
          <a:blipFill>
            <a:blip r:embed="rId2" cstate="print"/>
            <a:stretch>
              <a:fillRect/>
            </a:stretch>
          </a:blip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8451853" y="4116342"/>
            <a:ext cx="3200400" cy="2185987"/>
          </a:xfrm>
        </p:spPr>
        <p:txBody>
          <a:bodyPr>
            <a:noAutofit/>
          </a:bodyPr>
          <a:lstStyle>
            <a:lvl1pPr algn="ctr">
              <a:defRPr sz="4000"/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pic>
        <p:nvPicPr>
          <p:cNvPr id="2" name="Picture 1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44938" y="10492775"/>
            <a:ext cx="2065789" cy="8505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8005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 - lifestyle ligh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5"/>
          <p:cNvSpPr>
            <a:spLocks noGrp="1" noChangeAspect="1"/>
          </p:cNvSpPr>
          <p:nvPr>
            <p:ph type="pic" sz="quarter" idx="12"/>
          </p:nvPr>
        </p:nvSpPr>
        <p:spPr>
          <a:xfrm>
            <a:off x="0" y="-197223"/>
            <a:ext cx="20104100" cy="7407275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fr-CH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75049" y="8787587"/>
            <a:ext cx="12954001" cy="1286688"/>
          </a:xfrm>
        </p:spPr>
        <p:txBody>
          <a:bodyPr>
            <a:normAutofit/>
          </a:bodyPr>
          <a:lstStyle>
            <a:lvl1pPr algn="ctr">
              <a:defRPr sz="4800">
                <a:solidFill>
                  <a:srgbClr val="192D65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4" hasCustomPrompt="1"/>
          </p:nvPr>
        </p:nvSpPr>
        <p:spPr>
          <a:xfrm>
            <a:off x="6242050" y="10074275"/>
            <a:ext cx="7772400" cy="641350"/>
          </a:xfrm>
          <a:prstGeom prst="rect">
            <a:avLst/>
          </a:prstGeom>
        </p:spPr>
        <p:txBody>
          <a:bodyPr/>
          <a:lstStyle>
            <a:lvl1pPr algn="ctr">
              <a:defRPr sz="2400" b="1">
                <a:solidFill>
                  <a:schemeClr val="bg2"/>
                </a:solidFill>
              </a:defRPr>
            </a:lvl1pPr>
          </a:lstStyle>
          <a:p>
            <a:pPr lvl="0"/>
            <a:r>
              <a:rPr lang="en-US"/>
              <a:t>Speaker name + info</a:t>
            </a:r>
            <a:endParaRPr lang="fr-CH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8528049" y="5921375"/>
            <a:ext cx="3048000" cy="2971800"/>
          </a:xfrm>
          <a:prstGeom prst="rect">
            <a:avLst/>
          </a:prstGeom>
        </p:spPr>
        <p:txBody>
          <a:bodyPr/>
          <a:lstStyle>
            <a:lvl1pPr>
              <a:defRPr baseline="0"/>
            </a:lvl1pPr>
          </a:lstStyle>
          <a:p>
            <a:r>
              <a:rPr lang="fr-CH" err="1"/>
              <a:t>Add</a:t>
            </a:r>
            <a:r>
              <a:rPr lang="fr-CH"/>
              <a:t> main </a:t>
            </a:r>
            <a:r>
              <a:rPr lang="fr-CH" err="1"/>
              <a:t>encapsulated</a:t>
            </a:r>
            <a:r>
              <a:rPr lang="fr-CH"/>
              <a:t> logo</a:t>
            </a:r>
          </a:p>
        </p:txBody>
      </p:sp>
    </p:spTree>
    <p:extLst>
      <p:ext uri="{BB962C8B-B14F-4D97-AF65-F5344CB8AC3E}">
        <p14:creationId xmlns:p14="http://schemas.microsoft.com/office/powerpoint/2010/main" val="301605176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ap dark">
    <p:bg>
      <p:bgPr>
        <a:solidFill>
          <a:srgbClr val="00143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70" name="Picture 126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434" y="10543207"/>
            <a:ext cx="1760464" cy="763786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20724" y="2414315"/>
            <a:ext cx="16409521" cy="9049850"/>
          </a:xfrm>
          <a:prstGeom prst="rect">
            <a:avLst/>
          </a:prstGeom>
        </p:spPr>
      </p:pic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891666" y="686123"/>
            <a:ext cx="17338675" cy="2185987"/>
          </a:xfrm>
        </p:spPr>
        <p:txBody>
          <a:bodyPr/>
          <a:lstStyle>
            <a:lvl1pPr>
              <a:defRPr>
                <a:solidFill>
                  <a:srgbClr val="ADACA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383715076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ft image Title + content block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ext Placeholder 14"/>
          <p:cNvSpPr>
            <a:spLocks noGrp="1"/>
          </p:cNvSpPr>
          <p:nvPr>
            <p:ph type="body" sz="quarter" idx="15"/>
          </p:nvPr>
        </p:nvSpPr>
        <p:spPr>
          <a:xfrm>
            <a:off x="3041650" y="9963943"/>
            <a:ext cx="5562600" cy="1345407"/>
          </a:xfrm>
          <a:prstGeom prst="rect">
            <a:avLst/>
          </a:prstGeom>
        </p:spPr>
        <p:txBody>
          <a:bodyPr/>
          <a:lstStyle>
            <a:lvl1pPr algn="ctr">
              <a:defRPr sz="4000">
                <a:solidFill>
                  <a:srgbClr val="ADACA1"/>
                </a:solidFill>
                <a:latin typeface="Georgia" panose="02040502050405020303" pitchFamily="18" charset="0"/>
              </a:defRPr>
            </a:lvl1pPr>
            <a:lvl2pPr>
              <a:defRPr sz="4000">
                <a:solidFill>
                  <a:srgbClr val="ADACA1"/>
                </a:solidFill>
                <a:latin typeface="Georgia" panose="02040502050405020303" pitchFamily="18" charset="0"/>
              </a:defRPr>
            </a:lvl2pPr>
            <a:lvl3pPr>
              <a:defRPr sz="4000">
                <a:solidFill>
                  <a:srgbClr val="ADACA1"/>
                </a:solidFill>
                <a:latin typeface="Georgia" panose="02040502050405020303" pitchFamily="18" charset="0"/>
              </a:defRPr>
            </a:lvl3pPr>
            <a:lvl4pPr>
              <a:defRPr sz="4000">
                <a:solidFill>
                  <a:srgbClr val="ADACA1"/>
                </a:solidFill>
                <a:latin typeface="Georgia" panose="02040502050405020303" pitchFamily="18" charset="0"/>
              </a:defRPr>
            </a:lvl4pPr>
            <a:lvl5pPr>
              <a:defRPr sz="4000">
                <a:solidFill>
                  <a:srgbClr val="ADACA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1822450" y="893943"/>
            <a:ext cx="8229600" cy="907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fr-CH"/>
          </a:p>
        </p:txBody>
      </p:sp>
      <p:sp>
        <p:nvSpPr>
          <p:cNvPr id="13" name="Title 7"/>
          <p:cNvSpPr>
            <a:spLocks noGrp="1"/>
          </p:cNvSpPr>
          <p:nvPr>
            <p:ph type="title" hasCustomPrompt="1"/>
          </p:nvPr>
        </p:nvSpPr>
        <p:spPr>
          <a:xfrm>
            <a:off x="11576050" y="2301875"/>
            <a:ext cx="6582019" cy="2185987"/>
          </a:xfrm>
        </p:spPr>
        <p:txBody>
          <a:bodyPr>
            <a:normAutofit/>
          </a:bodyPr>
          <a:lstStyle>
            <a:lvl1pPr algn="ctr">
              <a:defRPr sz="5400"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sp>
        <p:nvSpPr>
          <p:cNvPr id="14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11576050" y="5464481"/>
            <a:ext cx="6582019" cy="3429000"/>
          </a:xfrm>
          <a:prstGeom prst="rect">
            <a:avLst/>
          </a:prstGeom>
        </p:spPr>
        <p:txBody>
          <a:bodyPr/>
          <a:lstStyle>
            <a:lvl1pPr>
              <a:defRPr sz="2800">
                <a:solidFill>
                  <a:srgbClr val="001436"/>
                </a:solidFill>
              </a:defRPr>
            </a:lvl1pPr>
            <a:lvl2pPr marL="342900" indent="-342900">
              <a:buClr>
                <a:srgbClr val="878775"/>
              </a:buClr>
              <a:buFont typeface="Arial" panose="020B0604020202020204" pitchFamily="34" charset="0"/>
              <a:buChar char="•"/>
              <a:defRPr sz="2400">
                <a:solidFill>
                  <a:schemeClr val="bg2">
                    <a:lumMod val="75000"/>
                  </a:schemeClr>
                </a:solidFill>
              </a:defRPr>
            </a:lvl2pPr>
            <a:lvl3pPr marL="893763" indent="0">
              <a:defRPr baseline="0">
                <a:solidFill>
                  <a:schemeClr val="bg2">
                    <a:lumMod val="75000"/>
                  </a:schemeClr>
                </a:solidFill>
              </a:defRPr>
            </a:lvl3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14582286" y="4892675"/>
            <a:ext cx="495300" cy="0"/>
          </a:xfrm>
          <a:prstGeom prst="line">
            <a:avLst/>
          </a:prstGeom>
          <a:ln w="28575">
            <a:solidFill>
              <a:srgbClr val="87877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44938" y="10492775"/>
            <a:ext cx="2065789" cy="8505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628269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right-content block 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10128250" y="929481"/>
            <a:ext cx="8229600" cy="907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fr-CH"/>
          </a:p>
        </p:txBody>
      </p:sp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2374655" y="2301875"/>
            <a:ext cx="6582019" cy="2185987"/>
          </a:xfrm>
        </p:spPr>
        <p:txBody>
          <a:bodyPr>
            <a:normAutofit/>
          </a:bodyPr>
          <a:lstStyle>
            <a:lvl1pPr algn="ctr">
              <a:defRPr sz="5400"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cxnSp>
        <p:nvCxnSpPr>
          <p:cNvPr id="12" name="Straight Connector 11"/>
          <p:cNvCxnSpPr/>
          <p:nvPr userDrawn="1"/>
        </p:nvCxnSpPr>
        <p:spPr>
          <a:xfrm>
            <a:off x="5380891" y="4892675"/>
            <a:ext cx="495300" cy="0"/>
          </a:xfrm>
          <a:prstGeom prst="line">
            <a:avLst/>
          </a:prstGeom>
          <a:ln w="28575">
            <a:solidFill>
              <a:srgbClr val="87877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Picture 10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44938" y="10492775"/>
            <a:ext cx="2065789" cy="850532"/>
          </a:xfrm>
          <a:prstGeom prst="rect">
            <a:avLst/>
          </a:prstGeom>
        </p:spPr>
      </p:pic>
      <p:sp>
        <p:nvSpPr>
          <p:cNvPr id="9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2337531" y="5726683"/>
            <a:ext cx="6582019" cy="3429000"/>
          </a:xfrm>
          <a:prstGeom prst="rect">
            <a:avLst/>
          </a:prstGeom>
        </p:spPr>
        <p:txBody>
          <a:bodyPr/>
          <a:lstStyle>
            <a:lvl1pPr>
              <a:defRPr sz="2800">
                <a:solidFill>
                  <a:srgbClr val="001436"/>
                </a:solidFill>
              </a:defRPr>
            </a:lvl1pPr>
            <a:lvl2pPr marL="342900" indent="-342900">
              <a:buClr>
                <a:srgbClr val="878775"/>
              </a:buClr>
              <a:buFont typeface="Arial" panose="020B0604020202020204" pitchFamily="34" charset="0"/>
              <a:buChar char="•"/>
              <a:defRPr sz="2400">
                <a:solidFill>
                  <a:schemeClr val="bg2">
                    <a:lumMod val="75000"/>
                  </a:schemeClr>
                </a:solidFill>
              </a:defRPr>
            </a:lvl2pPr>
            <a:lvl3pPr marL="893763" indent="0">
              <a:defRPr baseline="0">
                <a:solidFill>
                  <a:schemeClr val="bg2">
                    <a:lumMod val="75000"/>
                  </a:schemeClr>
                </a:solidFill>
              </a:defRPr>
            </a:lvl3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49276429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ltiple content block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/>
          <p:cNvSpPr>
            <a:spLocks noGrp="1"/>
          </p:cNvSpPr>
          <p:nvPr>
            <p:ph sz="quarter" idx="12"/>
          </p:nvPr>
        </p:nvSpPr>
        <p:spPr>
          <a:xfrm>
            <a:off x="2449090" y="7864475"/>
            <a:ext cx="4843264" cy="213518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878775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Content Placeholder 5"/>
          <p:cNvSpPr>
            <a:spLocks noGrp="1"/>
          </p:cNvSpPr>
          <p:nvPr>
            <p:ph sz="quarter" idx="13"/>
          </p:nvPr>
        </p:nvSpPr>
        <p:spPr>
          <a:xfrm>
            <a:off x="7935490" y="7883894"/>
            <a:ext cx="4843264" cy="213518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878775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Content Placeholder 5"/>
          <p:cNvSpPr>
            <a:spLocks noGrp="1"/>
          </p:cNvSpPr>
          <p:nvPr>
            <p:ph sz="quarter" idx="14"/>
          </p:nvPr>
        </p:nvSpPr>
        <p:spPr>
          <a:xfrm>
            <a:off x="13345690" y="7864293"/>
            <a:ext cx="4843264" cy="213518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878775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object 7"/>
          <p:cNvSpPr/>
          <p:nvPr userDrawn="1"/>
        </p:nvSpPr>
        <p:spPr>
          <a:xfrm>
            <a:off x="7630690" y="7883894"/>
            <a:ext cx="0" cy="2136140"/>
          </a:xfrm>
          <a:custGeom>
            <a:avLst/>
            <a:gdLst/>
            <a:ahLst/>
            <a:cxnLst/>
            <a:rect l="l" t="t" r="r" b="b"/>
            <a:pathLst>
              <a:path h="2136140">
                <a:moveTo>
                  <a:pt x="0" y="0"/>
                </a:moveTo>
                <a:lnTo>
                  <a:pt x="0" y="2136060"/>
                </a:lnTo>
              </a:path>
            </a:pathLst>
          </a:custGeom>
          <a:ln w="7853">
            <a:solidFill>
              <a:srgbClr val="88887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0" name="object 7"/>
          <p:cNvSpPr/>
          <p:nvPr userDrawn="1"/>
        </p:nvSpPr>
        <p:spPr>
          <a:xfrm>
            <a:off x="13040890" y="7863341"/>
            <a:ext cx="0" cy="2136140"/>
          </a:xfrm>
          <a:custGeom>
            <a:avLst/>
            <a:gdLst/>
            <a:ahLst/>
            <a:cxnLst/>
            <a:rect l="l" t="t" r="r" b="b"/>
            <a:pathLst>
              <a:path h="2136140">
                <a:moveTo>
                  <a:pt x="0" y="0"/>
                </a:moveTo>
                <a:lnTo>
                  <a:pt x="0" y="2136060"/>
                </a:lnTo>
              </a:path>
            </a:pathLst>
          </a:custGeom>
          <a:ln w="7853">
            <a:solidFill>
              <a:srgbClr val="88887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object 7"/>
          <p:cNvSpPr/>
          <p:nvPr userDrawn="1"/>
        </p:nvSpPr>
        <p:spPr>
          <a:xfrm>
            <a:off x="2144290" y="7863341"/>
            <a:ext cx="0" cy="2136140"/>
          </a:xfrm>
          <a:custGeom>
            <a:avLst/>
            <a:gdLst/>
            <a:ahLst/>
            <a:cxnLst/>
            <a:rect l="l" t="t" r="r" b="b"/>
            <a:pathLst>
              <a:path h="2136140">
                <a:moveTo>
                  <a:pt x="0" y="0"/>
                </a:moveTo>
                <a:lnTo>
                  <a:pt x="0" y="2136060"/>
                </a:lnTo>
              </a:path>
            </a:pathLst>
          </a:custGeom>
          <a:ln w="7853">
            <a:solidFill>
              <a:srgbClr val="88887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2563218" y="1463675"/>
            <a:ext cx="14617624" cy="2185987"/>
          </a:xfrm>
        </p:spPr>
        <p:txBody>
          <a:bodyPr>
            <a:normAutofit/>
          </a:bodyPr>
          <a:lstStyle>
            <a:lvl1pPr algn="ctr">
              <a:defRPr sz="6000">
                <a:solidFill>
                  <a:srgbClr val="001436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9611718" y="3998491"/>
            <a:ext cx="800100" cy="0"/>
          </a:xfrm>
          <a:prstGeom prst="line">
            <a:avLst/>
          </a:prstGeom>
          <a:ln w="28575">
            <a:solidFill>
              <a:srgbClr val="87877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6163618" y="4598137"/>
            <a:ext cx="7848600" cy="1960563"/>
          </a:xfrm>
          <a:prstGeom prst="rect">
            <a:avLst/>
          </a:prstGeom>
        </p:spPr>
        <p:txBody>
          <a:bodyPr/>
          <a:lstStyle>
            <a:lvl1pPr algn="ctr">
              <a:defRPr sz="3600">
                <a:solidFill>
                  <a:srgbClr val="001436"/>
                </a:solidFill>
                <a:latin typeface="+mn-l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14825" y="10454542"/>
            <a:ext cx="2065789" cy="8505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605435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562" userDrawn="1">
          <p15:clr>
            <a:srgbClr val="FBAE40"/>
          </p15:clr>
        </p15:guide>
        <p15:guide id="2" pos="6332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ight image + content block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5"/>
          <p:cNvSpPr>
            <a:spLocks noGrp="1"/>
          </p:cNvSpPr>
          <p:nvPr>
            <p:ph sz="quarter" idx="12"/>
          </p:nvPr>
        </p:nvSpPr>
        <p:spPr>
          <a:xfrm>
            <a:off x="1670050" y="7864475"/>
            <a:ext cx="4267200" cy="213518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878775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Content Placeholder 5"/>
          <p:cNvSpPr>
            <a:spLocks noGrp="1"/>
          </p:cNvSpPr>
          <p:nvPr>
            <p:ph sz="quarter" idx="13"/>
          </p:nvPr>
        </p:nvSpPr>
        <p:spPr>
          <a:xfrm>
            <a:off x="7156450" y="7883894"/>
            <a:ext cx="4267200" cy="2135188"/>
          </a:xfrm>
          <a:prstGeom prst="rect">
            <a:avLst/>
          </a:prstGeom>
        </p:spPr>
        <p:txBody>
          <a:bodyPr/>
          <a:lstStyle>
            <a:lvl1pPr>
              <a:defRPr sz="2400">
                <a:solidFill>
                  <a:srgbClr val="878775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object 7"/>
          <p:cNvSpPr/>
          <p:nvPr userDrawn="1"/>
        </p:nvSpPr>
        <p:spPr>
          <a:xfrm>
            <a:off x="6851650" y="7883894"/>
            <a:ext cx="0" cy="2136140"/>
          </a:xfrm>
          <a:custGeom>
            <a:avLst/>
            <a:gdLst/>
            <a:ahLst/>
            <a:cxnLst/>
            <a:rect l="l" t="t" r="r" b="b"/>
            <a:pathLst>
              <a:path h="2136140">
                <a:moveTo>
                  <a:pt x="0" y="0"/>
                </a:moveTo>
                <a:lnTo>
                  <a:pt x="0" y="2136060"/>
                </a:lnTo>
              </a:path>
            </a:pathLst>
          </a:custGeom>
          <a:ln w="7853">
            <a:solidFill>
              <a:srgbClr val="88887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object 7"/>
          <p:cNvSpPr/>
          <p:nvPr userDrawn="1"/>
        </p:nvSpPr>
        <p:spPr>
          <a:xfrm>
            <a:off x="1365250" y="7863341"/>
            <a:ext cx="0" cy="2136140"/>
          </a:xfrm>
          <a:custGeom>
            <a:avLst/>
            <a:gdLst/>
            <a:ahLst/>
            <a:cxnLst/>
            <a:rect l="l" t="t" r="r" b="b"/>
            <a:pathLst>
              <a:path h="2136140">
                <a:moveTo>
                  <a:pt x="0" y="0"/>
                </a:moveTo>
                <a:lnTo>
                  <a:pt x="0" y="2136060"/>
                </a:lnTo>
              </a:path>
            </a:pathLst>
          </a:custGeom>
          <a:ln w="7853">
            <a:solidFill>
              <a:srgbClr val="888875"/>
            </a:solidFill>
          </a:ln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Title 11"/>
          <p:cNvSpPr>
            <a:spLocks noGrp="1"/>
          </p:cNvSpPr>
          <p:nvPr>
            <p:ph type="title" hasCustomPrompt="1"/>
          </p:nvPr>
        </p:nvSpPr>
        <p:spPr>
          <a:xfrm>
            <a:off x="2419202" y="1463675"/>
            <a:ext cx="7848600" cy="2185987"/>
          </a:xfrm>
        </p:spPr>
        <p:txBody>
          <a:bodyPr>
            <a:normAutofit/>
          </a:bodyPr>
          <a:lstStyle>
            <a:lvl1pPr algn="ctr">
              <a:defRPr sz="5400">
                <a:solidFill>
                  <a:schemeClr val="bg2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cxnSp>
        <p:nvCxnSpPr>
          <p:cNvPr id="16" name="Straight Connector 15"/>
          <p:cNvCxnSpPr/>
          <p:nvPr userDrawn="1"/>
        </p:nvCxnSpPr>
        <p:spPr>
          <a:xfrm>
            <a:off x="5899150" y="3974028"/>
            <a:ext cx="800100" cy="0"/>
          </a:xfrm>
          <a:prstGeom prst="line">
            <a:avLst/>
          </a:prstGeom>
          <a:ln w="28575">
            <a:solidFill>
              <a:srgbClr val="87877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2419474" y="4309264"/>
            <a:ext cx="7848600" cy="1960563"/>
          </a:xfrm>
          <a:prstGeom prst="rect">
            <a:avLst/>
          </a:prstGeom>
        </p:spPr>
        <p:txBody>
          <a:bodyPr/>
          <a:lstStyle>
            <a:lvl1pPr algn="ctr">
              <a:defRPr sz="3200">
                <a:solidFill>
                  <a:srgbClr val="001436"/>
                </a:solidFill>
                <a:latin typeface="Georgia" panose="02040502050405020303" pitchFamily="18" charset="0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Picture Placeholder 19"/>
          <p:cNvSpPr>
            <a:spLocks noGrp="1"/>
          </p:cNvSpPr>
          <p:nvPr>
            <p:ph type="pic" sz="quarter" idx="16"/>
          </p:nvPr>
        </p:nvSpPr>
        <p:spPr>
          <a:xfrm>
            <a:off x="12338050" y="1463675"/>
            <a:ext cx="6642992" cy="8727504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fr-CH"/>
          </a:p>
        </p:txBody>
      </p:sp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38311" y="10447189"/>
            <a:ext cx="2065789" cy="8505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51823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3562">
          <p15:clr>
            <a:srgbClr val="FBAE40"/>
          </p15:clr>
        </p15:guide>
        <p15:guide id="2" pos="6332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14825" y="10454542"/>
            <a:ext cx="2065789" cy="850532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00698" y="10551219"/>
            <a:ext cx="1760464" cy="763786"/>
          </a:xfrm>
          <a:prstGeom prst="rect">
            <a:avLst/>
          </a:prstGeom>
        </p:spPr>
      </p:pic>
      <p:sp>
        <p:nvSpPr>
          <p:cNvPr id="18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10128250" y="929481"/>
            <a:ext cx="8229600" cy="90700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fr-CH"/>
          </a:p>
        </p:txBody>
      </p:sp>
      <p:sp>
        <p:nvSpPr>
          <p:cNvPr id="19" name="Title 7"/>
          <p:cNvSpPr>
            <a:spLocks noGrp="1"/>
          </p:cNvSpPr>
          <p:nvPr>
            <p:ph type="title" hasCustomPrompt="1"/>
          </p:nvPr>
        </p:nvSpPr>
        <p:spPr>
          <a:xfrm>
            <a:off x="2374655" y="2301875"/>
            <a:ext cx="6582019" cy="2185987"/>
          </a:xfrm>
        </p:spPr>
        <p:txBody>
          <a:bodyPr>
            <a:normAutofit/>
          </a:bodyPr>
          <a:lstStyle>
            <a:lvl1pPr algn="ctr">
              <a:defRPr sz="5400">
                <a:solidFill>
                  <a:srgbClr val="ADACA1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cxnSp>
        <p:nvCxnSpPr>
          <p:cNvPr id="20" name="Straight Connector 19"/>
          <p:cNvCxnSpPr/>
          <p:nvPr userDrawn="1"/>
        </p:nvCxnSpPr>
        <p:spPr>
          <a:xfrm>
            <a:off x="5380891" y="4892675"/>
            <a:ext cx="495300" cy="0"/>
          </a:xfrm>
          <a:prstGeom prst="line">
            <a:avLst/>
          </a:prstGeom>
          <a:ln w="28575">
            <a:solidFill>
              <a:srgbClr val="878775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2337531" y="5726683"/>
            <a:ext cx="6582019" cy="3429000"/>
          </a:xfrm>
          <a:prstGeom prst="rect">
            <a:avLst/>
          </a:prstGeom>
        </p:spPr>
        <p:txBody>
          <a:bodyPr/>
          <a:lstStyle>
            <a:lvl1pPr>
              <a:defRPr sz="2800">
                <a:solidFill>
                  <a:schemeClr val="bg1"/>
                </a:solidFill>
              </a:defRPr>
            </a:lvl1pPr>
            <a:lvl2pPr marL="342900" indent="-342900">
              <a:buClr>
                <a:srgbClr val="878775"/>
              </a:buClr>
              <a:buFont typeface="Arial" panose="020B0604020202020204" pitchFamily="34" charset="0"/>
              <a:buChar char="•"/>
              <a:defRPr sz="2400">
                <a:solidFill>
                  <a:schemeClr val="bg1"/>
                </a:solidFill>
              </a:defRPr>
            </a:lvl2pPr>
            <a:lvl3pPr marL="893763" indent="0">
              <a:defRPr baseline="0">
                <a:solidFill>
                  <a:schemeClr val="bg1"/>
                </a:solidFill>
              </a:defRPr>
            </a:lvl3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71926988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 userDrawn="1"/>
        </p:nvGrpSpPr>
        <p:grpSpPr>
          <a:xfrm>
            <a:off x="8921194" y="4523422"/>
            <a:ext cx="2261870" cy="2261870"/>
            <a:chOff x="8921194" y="4523422"/>
            <a:chExt cx="2261870" cy="2261870"/>
          </a:xfrm>
        </p:grpSpPr>
        <p:sp>
          <p:nvSpPr>
            <p:cNvPr id="8" name="object 4"/>
            <p:cNvSpPr/>
            <p:nvPr/>
          </p:nvSpPr>
          <p:spPr>
            <a:xfrm>
              <a:off x="8921194" y="4523422"/>
              <a:ext cx="2261870" cy="2261870"/>
            </a:xfrm>
            <a:custGeom>
              <a:avLst/>
              <a:gdLst/>
              <a:ahLst/>
              <a:cxnLst/>
              <a:rect l="l" t="t" r="r" b="b"/>
              <a:pathLst>
                <a:path w="2261870" h="2261870">
                  <a:moveTo>
                    <a:pt x="1130855" y="0"/>
                  </a:moveTo>
                  <a:lnTo>
                    <a:pt x="1038107" y="3748"/>
                  </a:lnTo>
                  <a:lnTo>
                    <a:pt x="947424" y="14800"/>
                  </a:lnTo>
                  <a:lnTo>
                    <a:pt x="859097" y="32865"/>
                  </a:lnTo>
                  <a:lnTo>
                    <a:pt x="773416" y="57651"/>
                  </a:lnTo>
                  <a:lnTo>
                    <a:pt x="690674" y="88867"/>
                  </a:lnTo>
                  <a:lnTo>
                    <a:pt x="611161" y="126223"/>
                  </a:lnTo>
                  <a:lnTo>
                    <a:pt x="535167" y="169427"/>
                  </a:lnTo>
                  <a:lnTo>
                    <a:pt x="462985" y="218188"/>
                  </a:lnTo>
                  <a:lnTo>
                    <a:pt x="394905" y="272216"/>
                  </a:lnTo>
                  <a:lnTo>
                    <a:pt x="331218" y="331218"/>
                  </a:lnTo>
                  <a:lnTo>
                    <a:pt x="272216" y="394905"/>
                  </a:lnTo>
                  <a:lnTo>
                    <a:pt x="218188" y="462985"/>
                  </a:lnTo>
                  <a:lnTo>
                    <a:pt x="169427" y="535167"/>
                  </a:lnTo>
                  <a:lnTo>
                    <a:pt x="126223" y="611161"/>
                  </a:lnTo>
                  <a:lnTo>
                    <a:pt x="88867" y="690674"/>
                  </a:lnTo>
                  <a:lnTo>
                    <a:pt x="57651" y="773416"/>
                  </a:lnTo>
                  <a:lnTo>
                    <a:pt x="32865" y="859097"/>
                  </a:lnTo>
                  <a:lnTo>
                    <a:pt x="14800" y="947424"/>
                  </a:lnTo>
                  <a:lnTo>
                    <a:pt x="3748" y="1038107"/>
                  </a:lnTo>
                  <a:lnTo>
                    <a:pt x="0" y="1130855"/>
                  </a:lnTo>
                  <a:lnTo>
                    <a:pt x="3748" y="1223603"/>
                  </a:lnTo>
                  <a:lnTo>
                    <a:pt x="14800" y="1314286"/>
                  </a:lnTo>
                  <a:lnTo>
                    <a:pt x="32865" y="1402614"/>
                  </a:lnTo>
                  <a:lnTo>
                    <a:pt x="57651" y="1488294"/>
                  </a:lnTo>
                  <a:lnTo>
                    <a:pt x="88867" y="1571036"/>
                  </a:lnTo>
                  <a:lnTo>
                    <a:pt x="126223" y="1650550"/>
                  </a:lnTo>
                  <a:lnTo>
                    <a:pt x="169427" y="1726543"/>
                  </a:lnTo>
                  <a:lnTo>
                    <a:pt x="218188" y="1798725"/>
                  </a:lnTo>
                  <a:lnTo>
                    <a:pt x="272216" y="1866805"/>
                  </a:lnTo>
                  <a:lnTo>
                    <a:pt x="331218" y="1930492"/>
                  </a:lnTo>
                  <a:lnTo>
                    <a:pt x="394905" y="1989494"/>
                  </a:lnTo>
                  <a:lnTo>
                    <a:pt x="462985" y="2043522"/>
                  </a:lnTo>
                  <a:lnTo>
                    <a:pt x="535167" y="2092283"/>
                  </a:lnTo>
                  <a:lnTo>
                    <a:pt x="611161" y="2135487"/>
                  </a:lnTo>
                  <a:lnTo>
                    <a:pt x="690674" y="2172843"/>
                  </a:lnTo>
                  <a:lnTo>
                    <a:pt x="773416" y="2204059"/>
                  </a:lnTo>
                  <a:lnTo>
                    <a:pt x="859097" y="2228845"/>
                  </a:lnTo>
                  <a:lnTo>
                    <a:pt x="947424" y="2246910"/>
                  </a:lnTo>
                  <a:lnTo>
                    <a:pt x="1038107" y="2257962"/>
                  </a:lnTo>
                  <a:lnTo>
                    <a:pt x="1130855" y="2261711"/>
                  </a:lnTo>
                  <a:lnTo>
                    <a:pt x="1223603" y="2257962"/>
                  </a:lnTo>
                  <a:lnTo>
                    <a:pt x="1314286" y="2246910"/>
                  </a:lnTo>
                  <a:lnTo>
                    <a:pt x="1402614" y="2228845"/>
                  </a:lnTo>
                  <a:lnTo>
                    <a:pt x="1488294" y="2204059"/>
                  </a:lnTo>
                  <a:lnTo>
                    <a:pt x="1571036" y="2172843"/>
                  </a:lnTo>
                  <a:lnTo>
                    <a:pt x="1650550" y="2135487"/>
                  </a:lnTo>
                  <a:lnTo>
                    <a:pt x="1726543" y="2092283"/>
                  </a:lnTo>
                  <a:lnTo>
                    <a:pt x="1798725" y="2043522"/>
                  </a:lnTo>
                  <a:lnTo>
                    <a:pt x="1866805" y="1989494"/>
                  </a:lnTo>
                  <a:lnTo>
                    <a:pt x="1930492" y="1930492"/>
                  </a:lnTo>
                  <a:lnTo>
                    <a:pt x="1989494" y="1866805"/>
                  </a:lnTo>
                  <a:lnTo>
                    <a:pt x="2043522" y="1798725"/>
                  </a:lnTo>
                  <a:lnTo>
                    <a:pt x="2092283" y="1726543"/>
                  </a:lnTo>
                  <a:lnTo>
                    <a:pt x="2135487" y="1650550"/>
                  </a:lnTo>
                  <a:lnTo>
                    <a:pt x="2172843" y="1571036"/>
                  </a:lnTo>
                  <a:lnTo>
                    <a:pt x="2204059" y="1488294"/>
                  </a:lnTo>
                  <a:lnTo>
                    <a:pt x="2228845" y="1402614"/>
                  </a:lnTo>
                  <a:lnTo>
                    <a:pt x="2246910" y="1314286"/>
                  </a:lnTo>
                  <a:lnTo>
                    <a:pt x="2257962" y="1223603"/>
                  </a:lnTo>
                  <a:lnTo>
                    <a:pt x="2261711" y="1130855"/>
                  </a:lnTo>
                  <a:lnTo>
                    <a:pt x="2257962" y="1038107"/>
                  </a:lnTo>
                  <a:lnTo>
                    <a:pt x="2246910" y="947424"/>
                  </a:lnTo>
                  <a:lnTo>
                    <a:pt x="2228845" y="859097"/>
                  </a:lnTo>
                  <a:lnTo>
                    <a:pt x="2204059" y="773416"/>
                  </a:lnTo>
                  <a:lnTo>
                    <a:pt x="2172843" y="690674"/>
                  </a:lnTo>
                  <a:lnTo>
                    <a:pt x="2135487" y="611161"/>
                  </a:lnTo>
                  <a:lnTo>
                    <a:pt x="2092283" y="535167"/>
                  </a:lnTo>
                  <a:lnTo>
                    <a:pt x="2043522" y="462985"/>
                  </a:lnTo>
                  <a:lnTo>
                    <a:pt x="1989494" y="394905"/>
                  </a:lnTo>
                  <a:lnTo>
                    <a:pt x="1930492" y="331218"/>
                  </a:lnTo>
                  <a:lnTo>
                    <a:pt x="1866805" y="272216"/>
                  </a:lnTo>
                  <a:lnTo>
                    <a:pt x="1798725" y="218188"/>
                  </a:lnTo>
                  <a:lnTo>
                    <a:pt x="1726543" y="169427"/>
                  </a:lnTo>
                  <a:lnTo>
                    <a:pt x="1650550" y="126223"/>
                  </a:lnTo>
                  <a:lnTo>
                    <a:pt x="1571036" y="88867"/>
                  </a:lnTo>
                  <a:lnTo>
                    <a:pt x="1488294" y="57651"/>
                  </a:lnTo>
                  <a:lnTo>
                    <a:pt x="1402614" y="32865"/>
                  </a:lnTo>
                  <a:lnTo>
                    <a:pt x="1314286" y="14800"/>
                  </a:lnTo>
                  <a:lnTo>
                    <a:pt x="1223603" y="3748"/>
                  </a:lnTo>
                  <a:lnTo>
                    <a:pt x="1130855" y="0"/>
                  </a:lnTo>
                  <a:close/>
                </a:path>
              </a:pathLst>
            </a:custGeom>
            <a:solidFill>
              <a:srgbClr val="000C33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9" name="object 5"/>
            <p:cNvSpPr/>
            <p:nvPr/>
          </p:nvSpPr>
          <p:spPr>
            <a:xfrm>
              <a:off x="8921194" y="4523422"/>
              <a:ext cx="2261870" cy="2261870"/>
            </a:xfrm>
            <a:custGeom>
              <a:avLst/>
              <a:gdLst/>
              <a:ahLst/>
              <a:cxnLst/>
              <a:rect l="l" t="t" r="r" b="b"/>
              <a:pathLst>
                <a:path w="2261870" h="2261870">
                  <a:moveTo>
                    <a:pt x="1130855" y="0"/>
                  </a:moveTo>
                  <a:lnTo>
                    <a:pt x="1038107" y="3748"/>
                  </a:lnTo>
                  <a:lnTo>
                    <a:pt x="947424" y="14800"/>
                  </a:lnTo>
                  <a:lnTo>
                    <a:pt x="859097" y="32865"/>
                  </a:lnTo>
                  <a:lnTo>
                    <a:pt x="773416" y="57651"/>
                  </a:lnTo>
                  <a:lnTo>
                    <a:pt x="690674" y="88867"/>
                  </a:lnTo>
                  <a:lnTo>
                    <a:pt x="611161" y="126223"/>
                  </a:lnTo>
                  <a:lnTo>
                    <a:pt x="535167" y="169427"/>
                  </a:lnTo>
                  <a:lnTo>
                    <a:pt x="462985" y="218188"/>
                  </a:lnTo>
                  <a:lnTo>
                    <a:pt x="394905" y="272216"/>
                  </a:lnTo>
                  <a:lnTo>
                    <a:pt x="331218" y="331218"/>
                  </a:lnTo>
                  <a:lnTo>
                    <a:pt x="272216" y="394905"/>
                  </a:lnTo>
                  <a:lnTo>
                    <a:pt x="218188" y="462985"/>
                  </a:lnTo>
                  <a:lnTo>
                    <a:pt x="169427" y="535167"/>
                  </a:lnTo>
                  <a:lnTo>
                    <a:pt x="126223" y="611161"/>
                  </a:lnTo>
                  <a:lnTo>
                    <a:pt x="88867" y="690674"/>
                  </a:lnTo>
                  <a:lnTo>
                    <a:pt x="57651" y="773416"/>
                  </a:lnTo>
                  <a:lnTo>
                    <a:pt x="32865" y="859097"/>
                  </a:lnTo>
                  <a:lnTo>
                    <a:pt x="14800" y="947424"/>
                  </a:lnTo>
                  <a:lnTo>
                    <a:pt x="3748" y="1038107"/>
                  </a:lnTo>
                  <a:lnTo>
                    <a:pt x="0" y="1130855"/>
                  </a:lnTo>
                  <a:lnTo>
                    <a:pt x="3748" y="1223603"/>
                  </a:lnTo>
                  <a:lnTo>
                    <a:pt x="14800" y="1314286"/>
                  </a:lnTo>
                  <a:lnTo>
                    <a:pt x="32865" y="1402614"/>
                  </a:lnTo>
                  <a:lnTo>
                    <a:pt x="57651" y="1488294"/>
                  </a:lnTo>
                  <a:lnTo>
                    <a:pt x="88867" y="1571036"/>
                  </a:lnTo>
                  <a:lnTo>
                    <a:pt x="126223" y="1650550"/>
                  </a:lnTo>
                  <a:lnTo>
                    <a:pt x="169427" y="1726543"/>
                  </a:lnTo>
                  <a:lnTo>
                    <a:pt x="218188" y="1798725"/>
                  </a:lnTo>
                  <a:lnTo>
                    <a:pt x="272216" y="1866805"/>
                  </a:lnTo>
                  <a:lnTo>
                    <a:pt x="331218" y="1930492"/>
                  </a:lnTo>
                  <a:lnTo>
                    <a:pt x="394905" y="1989494"/>
                  </a:lnTo>
                  <a:lnTo>
                    <a:pt x="462985" y="2043522"/>
                  </a:lnTo>
                  <a:lnTo>
                    <a:pt x="535167" y="2092283"/>
                  </a:lnTo>
                  <a:lnTo>
                    <a:pt x="611161" y="2135487"/>
                  </a:lnTo>
                  <a:lnTo>
                    <a:pt x="690674" y="2172843"/>
                  </a:lnTo>
                  <a:lnTo>
                    <a:pt x="773416" y="2204059"/>
                  </a:lnTo>
                  <a:lnTo>
                    <a:pt x="859097" y="2228845"/>
                  </a:lnTo>
                  <a:lnTo>
                    <a:pt x="947424" y="2246910"/>
                  </a:lnTo>
                  <a:lnTo>
                    <a:pt x="1038107" y="2257962"/>
                  </a:lnTo>
                  <a:lnTo>
                    <a:pt x="1130855" y="2261711"/>
                  </a:lnTo>
                  <a:lnTo>
                    <a:pt x="1223603" y="2257962"/>
                  </a:lnTo>
                  <a:lnTo>
                    <a:pt x="1314286" y="2246910"/>
                  </a:lnTo>
                  <a:lnTo>
                    <a:pt x="1402614" y="2228845"/>
                  </a:lnTo>
                  <a:lnTo>
                    <a:pt x="1488294" y="2204059"/>
                  </a:lnTo>
                  <a:lnTo>
                    <a:pt x="1571036" y="2172843"/>
                  </a:lnTo>
                  <a:lnTo>
                    <a:pt x="1650550" y="2135487"/>
                  </a:lnTo>
                  <a:lnTo>
                    <a:pt x="1726543" y="2092283"/>
                  </a:lnTo>
                  <a:lnTo>
                    <a:pt x="1798725" y="2043522"/>
                  </a:lnTo>
                  <a:lnTo>
                    <a:pt x="1866805" y="1989494"/>
                  </a:lnTo>
                  <a:lnTo>
                    <a:pt x="1930492" y="1930492"/>
                  </a:lnTo>
                  <a:lnTo>
                    <a:pt x="1989494" y="1866805"/>
                  </a:lnTo>
                  <a:lnTo>
                    <a:pt x="2043522" y="1798725"/>
                  </a:lnTo>
                  <a:lnTo>
                    <a:pt x="2092283" y="1726543"/>
                  </a:lnTo>
                  <a:lnTo>
                    <a:pt x="2135487" y="1650550"/>
                  </a:lnTo>
                  <a:lnTo>
                    <a:pt x="2172843" y="1571036"/>
                  </a:lnTo>
                  <a:lnTo>
                    <a:pt x="2204059" y="1488294"/>
                  </a:lnTo>
                  <a:lnTo>
                    <a:pt x="2228845" y="1402614"/>
                  </a:lnTo>
                  <a:lnTo>
                    <a:pt x="2246910" y="1314286"/>
                  </a:lnTo>
                  <a:lnTo>
                    <a:pt x="2257962" y="1223603"/>
                  </a:lnTo>
                  <a:lnTo>
                    <a:pt x="2261711" y="1130855"/>
                  </a:lnTo>
                  <a:lnTo>
                    <a:pt x="2257962" y="1038107"/>
                  </a:lnTo>
                  <a:lnTo>
                    <a:pt x="2246910" y="947424"/>
                  </a:lnTo>
                  <a:lnTo>
                    <a:pt x="2228845" y="859097"/>
                  </a:lnTo>
                  <a:lnTo>
                    <a:pt x="2204059" y="773416"/>
                  </a:lnTo>
                  <a:lnTo>
                    <a:pt x="2172843" y="690674"/>
                  </a:lnTo>
                  <a:lnTo>
                    <a:pt x="2135487" y="611161"/>
                  </a:lnTo>
                  <a:lnTo>
                    <a:pt x="2092283" y="535167"/>
                  </a:lnTo>
                  <a:lnTo>
                    <a:pt x="2043522" y="462985"/>
                  </a:lnTo>
                  <a:lnTo>
                    <a:pt x="1989494" y="394905"/>
                  </a:lnTo>
                  <a:lnTo>
                    <a:pt x="1930492" y="331218"/>
                  </a:lnTo>
                  <a:lnTo>
                    <a:pt x="1866805" y="272216"/>
                  </a:lnTo>
                  <a:lnTo>
                    <a:pt x="1798725" y="218188"/>
                  </a:lnTo>
                  <a:lnTo>
                    <a:pt x="1726543" y="169427"/>
                  </a:lnTo>
                  <a:lnTo>
                    <a:pt x="1650550" y="126223"/>
                  </a:lnTo>
                  <a:lnTo>
                    <a:pt x="1571036" y="88867"/>
                  </a:lnTo>
                  <a:lnTo>
                    <a:pt x="1488294" y="57651"/>
                  </a:lnTo>
                  <a:lnTo>
                    <a:pt x="1402614" y="32865"/>
                  </a:lnTo>
                  <a:lnTo>
                    <a:pt x="1314286" y="14800"/>
                  </a:lnTo>
                  <a:lnTo>
                    <a:pt x="1223603" y="3748"/>
                  </a:lnTo>
                  <a:lnTo>
                    <a:pt x="1130855" y="0"/>
                  </a:lnTo>
                  <a:close/>
                </a:path>
              </a:pathLst>
            </a:custGeom>
            <a:solidFill>
              <a:srgbClr val="888875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0" name="object 6"/>
            <p:cNvSpPr/>
            <p:nvPr/>
          </p:nvSpPr>
          <p:spPr>
            <a:xfrm>
              <a:off x="10173671" y="5335922"/>
              <a:ext cx="237490" cy="104139"/>
            </a:xfrm>
            <a:custGeom>
              <a:avLst/>
              <a:gdLst/>
              <a:ahLst/>
              <a:cxnLst/>
              <a:rect l="l" t="t" r="r" b="b"/>
              <a:pathLst>
                <a:path w="237490" h="104139">
                  <a:moveTo>
                    <a:pt x="237374" y="0"/>
                  </a:moveTo>
                  <a:lnTo>
                    <a:pt x="103766" y="0"/>
                  </a:lnTo>
                  <a:lnTo>
                    <a:pt x="0" y="103787"/>
                  </a:lnTo>
                  <a:lnTo>
                    <a:pt x="133587" y="103787"/>
                  </a:lnTo>
                  <a:lnTo>
                    <a:pt x="237374" y="0"/>
                  </a:lnTo>
                  <a:close/>
                </a:path>
              </a:pathLst>
            </a:custGeom>
            <a:solidFill>
              <a:srgbClr val="000C33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1" name="object 7"/>
            <p:cNvSpPr/>
            <p:nvPr/>
          </p:nvSpPr>
          <p:spPr>
            <a:xfrm>
              <a:off x="9930385" y="5210938"/>
              <a:ext cx="362585" cy="229235"/>
            </a:xfrm>
            <a:custGeom>
              <a:avLst/>
              <a:gdLst/>
              <a:ahLst/>
              <a:cxnLst/>
              <a:rect l="l" t="t" r="r" b="b"/>
              <a:pathLst>
                <a:path w="362584" h="229235">
                  <a:moveTo>
                    <a:pt x="362344" y="0"/>
                  </a:moveTo>
                  <a:lnTo>
                    <a:pt x="228726" y="0"/>
                  </a:lnTo>
                  <a:lnTo>
                    <a:pt x="0" y="228767"/>
                  </a:lnTo>
                  <a:lnTo>
                    <a:pt x="133587" y="228767"/>
                  </a:lnTo>
                  <a:lnTo>
                    <a:pt x="362344" y="0"/>
                  </a:lnTo>
                  <a:close/>
                </a:path>
              </a:pathLst>
            </a:custGeom>
            <a:solidFill>
              <a:srgbClr val="000C33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2" name="object 8"/>
            <p:cNvSpPr/>
            <p:nvPr/>
          </p:nvSpPr>
          <p:spPr>
            <a:xfrm>
              <a:off x="9691267" y="5084752"/>
              <a:ext cx="488950" cy="354965"/>
            </a:xfrm>
            <a:custGeom>
              <a:avLst/>
              <a:gdLst/>
              <a:ahLst/>
              <a:cxnLst/>
              <a:rect l="l" t="t" r="r" b="b"/>
              <a:pathLst>
                <a:path w="488950" h="354964">
                  <a:moveTo>
                    <a:pt x="488519" y="0"/>
                  </a:moveTo>
                  <a:lnTo>
                    <a:pt x="354889" y="0"/>
                  </a:lnTo>
                  <a:lnTo>
                    <a:pt x="0" y="354952"/>
                  </a:lnTo>
                  <a:lnTo>
                    <a:pt x="133587" y="354952"/>
                  </a:lnTo>
                  <a:lnTo>
                    <a:pt x="488519" y="0"/>
                  </a:lnTo>
                  <a:close/>
                </a:path>
              </a:pathLst>
            </a:custGeom>
            <a:solidFill>
              <a:srgbClr val="000C33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3" name="object 9"/>
            <p:cNvSpPr/>
            <p:nvPr/>
          </p:nvSpPr>
          <p:spPr>
            <a:xfrm>
              <a:off x="9610687" y="4921615"/>
              <a:ext cx="881380" cy="289560"/>
            </a:xfrm>
            <a:custGeom>
              <a:avLst/>
              <a:gdLst/>
              <a:ahLst/>
              <a:cxnLst/>
              <a:rect l="l" t="t" r="r" b="b"/>
              <a:pathLst>
                <a:path w="881379" h="289560">
                  <a:moveTo>
                    <a:pt x="441494" y="0"/>
                  </a:moveTo>
                  <a:lnTo>
                    <a:pt x="382046" y="3672"/>
                  </a:lnTo>
                  <a:lnTo>
                    <a:pt x="324813" y="14343"/>
                  </a:lnTo>
                  <a:lnTo>
                    <a:pt x="270239" y="31493"/>
                  </a:lnTo>
                  <a:lnTo>
                    <a:pt x="218767" y="54602"/>
                  </a:lnTo>
                  <a:lnTo>
                    <a:pt x="170844" y="83150"/>
                  </a:lnTo>
                  <a:lnTo>
                    <a:pt x="126912" y="116618"/>
                  </a:lnTo>
                  <a:lnTo>
                    <a:pt x="87418" y="154485"/>
                  </a:lnTo>
                  <a:lnTo>
                    <a:pt x="52805" y="196233"/>
                  </a:lnTo>
                  <a:lnTo>
                    <a:pt x="23517" y="241341"/>
                  </a:lnTo>
                  <a:lnTo>
                    <a:pt x="0" y="289289"/>
                  </a:lnTo>
                  <a:lnTo>
                    <a:pt x="79990" y="289279"/>
                  </a:lnTo>
                  <a:lnTo>
                    <a:pt x="86234" y="266956"/>
                  </a:lnTo>
                  <a:lnTo>
                    <a:pt x="94112" y="245125"/>
                  </a:lnTo>
                  <a:lnTo>
                    <a:pt x="114503" y="203246"/>
                  </a:lnTo>
                  <a:lnTo>
                    <a:pt x="140646" y="164200"/>
                  </a:lnTo>
                  <a:lnTo>
                    <a:pt x="172025" y="128534"/>
                  </a:lnTo>
                  <a:lnTo>
                    <a:pt x="208128" y="96796"/>
                  </a:lnTo>
                  <a:lnTo>
                    <a:pt x="248440" y="69534"/>
                  </a:lnTo>
                  <a:lnTo>
                    <a:pt x="292446" y="47294"/>
                  </a:lnTo>
                  <a:lnTo>
                    <a:pt x="339633" y="30625"/>
                  </a:lnTo>
                  <a:lnTo>
                    <a:pt x="389487" y="20073"/>
                  </a:lnTo>
                  <a:lnTo>
                    <a:pt x="441494" y="16187"/>
                  </a:lnTo>
                  <a:lnTo>
                    <a:pt x="564476" y="16187"/>
                  </a:lnTo>
                  <a:lnTo>
                    <a:pt x="557961" y="14343"/>
                  </a:lnTo>
                  <a:lnTo>
                    <a:pt x="529738" y="8165"/>
                  </a:lnTo>
                  <a:lnTo>
                    <a:pt x="500884" y="3672"/>
                  </a:lnTo>
                  <a:lnTo>
                    <a:pt x="471452" y="928"/>
                  </a:lnTo>
                  <a:lnTo>
                    <a:pt x="441494" y="0"/>
                  </a:lnTo>
                  <a:close/>
                </a:path>
                <a:path w="881379" h="289560">
                  <a:moveTo>
                    <a:pt x="564476" y="16187"/>
                  </a:moveTo>
                  <a:lnTo>
                    <a:pt x="441494" y="16187"/>
                  </a:lnTo>
                  <a:lnTo>
                    <a:pt x="467715" y="17263"/>
                  </a:lnTo>
                  <a:lnTo>
                    <a:pt x="493426" y="20073"/>
                  </a:lnTo>
                  <a:lnTo>
                    <a:pt x="543079" y="30625"/>
                  </a:lnTo>
                  <a:lnTo>
                    <a:pt x="589969" y="47294"/>
                  </a:lnTo>
                  <a:lnTo>
                    <a:pt x="633615" y="69534"/>
                  </a:lnTo>
                  <a:lnTo>
                    <a:pt x="673534" y="96796"/>
                  </a:lnTo>
                  <a:lnTo>
                    <a:pt x="709244" y="128534"/>
                  </a:lnTo>
                  <a:lnTo>
                    <a:pt x="740262" y="164200"/>
                  </a:lnTo>
                  <a:lnTo>
                    <a:pt x="766105" y="203246"/>
                  </a:lnTo>
                  <a:lnTo>
                    <a:pt x="786293" y="245125"/>
                  </a:lnTo>
                  <a:lnTo>
                    <a:pt x="800342" y="289289"/>
                  </a:lnTo>
                  <a:lnTo>
                    <a:pt x="880936" y="289279"/>
                  </a:lnTo>
                  <a:lnTo>
                    <a:pt x="857476" y="241333"/>
                  </a:lnTo>
                  <a:lnTo>
                    <a:pt x="828344" y="196228"/>
                  </a:lnTo>
                  <a:lnTo>
                    <a:pt x="793961" y="154482"/>
                  </a:lnTo>
                  <a:lnTo>
                    <a:pt x="754745" y="116616"/>
                  </a:lnTo>
                  <a:lnTo>
                    <a:pt x="711118" y="83149"/>
                  </a:lnTo>
                  <a:lnTo>
                    <a:pt x="663498" y="54601"/>
                  </a:lnTo>
                  <a:lnTo>
                    <a:pt x="612306" y="31493"/>
                  </a:lnTo>
                  <a:lnTo>
                    <a:pt x="585501" y="22141"/>
                  </a:lnTo>
                  <a:lnTo>
                    <a:pt x="564476" y="16187"/>
                  </a:lnTo>
                  <a:close/>
                </a:path>
              </a:pathLst>
            </a:custGeom>
            <a:solidFill>
              <a:srgbClr val="000C33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4" name="object 10"/>
            <p:cNvSpPr/>
            <p:nvPr/>
          </p:nvSpPr>
          <p:spPr>
            <a:xfrm>
              <a:off x="9852932" y="5562889"/>
              <a:ext cx="461009" cy="456565"/>
            </a:xfrm>
            <a:custGeom>
              <a:avLst/>
              <a:gdLst/>
              <a:ahLst/>
              <a:cxnLst/>
              <a:rect l="l" t="t" r="r" b="b"/>
              <a:pathLst>
                <a:path w="461009" h="456564">
                  <a:moveTo>
                    <a:pt x="0" y="0"/>
                  </a:moveTo>
                  <a:lnTo>
                    <a:pt x="23852" y="35093"/>
                  </a:lnTo>
                  <a:lnTo>
                    <a:pt x="25715" y="58675"/>
                  </a:lnTo>
                  <a:lnTo>
                    <a:pt x="25691" y="397551"/>
                  </a:lnTo>
                  <a:lnTo>
                    <a:pt x="13633" y="444511"/>
                  </a:lnTo>
                  <a:lnTo>
                    <a:pt x="2116" y="454939"/>
                  </a:lnTo>
                  <a:lnTo>
                    <a:pt x="133556" y="456226"/>
                  </a:lnTo>
                  <a:lnTo>
                    <a:pt x="109703" y="421130"/>
                  </a:lnTo>
                  <a:lnTo>
                    <a:pt x="107839" y="239353"/>
                  </a:lnTo>
                  <a:lnTo>
                    <a:pt x="435065" y="239353"/>
                  </a:lnTo>
                  <a:lnTo>
                    <a:pt x="435065" y="205323"/>
                  </a:lnTo>
                  <a:lnTo>
                    <a:pt x="107839" y="205323"/>
                  </a:lnTo>
                  <a:lnTo>
                    <a:pt x="107864" y="58675"/>
                  </a:lnTo>
                  <a:lnTo>
                    <a:pt x="119922" y="11711"/>
                  </a:lnTo>
                  <a:lnTo>
                    <a:pt x="131439" y="1286"/>
                  </a:lnTo>
                  <a:lnTo>
                    <a:pt x="0" y="0"/>
                  </a:lnTo>
                  <a:close/>
                </a:path>
                <a:path w="461009" h="456564">
                  <a:moveTo>
                    <a:pt x="435065" y="239353"/>
                  </a:moveTo>
                  <a:lnTo>
                    <a:pt x="352942" y="239353"/>
                  </a:lnTo>
                  <a:lnTo>
                    <a:pt x="352917" y="397551"/>
                  </a:lnTo>
                  <a:lnTo>
                    <a:pt x="352753" y="406831"/>
                  </a:lnTo>
                  <a:lnTo>
                    <a:pt x="351431" y="419252"/>
                  </a:lnTo>
                  <a:lnTo>
                    <a:pt x="347844" y="432214"/>
                  </a:lnTo>
                  <a:lnTo>
                    <a:pt x="340859" y="444511"/>
                  </a:lnTo>
                  <a:lnTo>
                    <a:pt x="329342" y="454939"/>
                  </a:lnTo>
                  <a:lnTo>
                    <a:pt x="460781" y="456226"/>
                  </a:lnTo>
                  <a:lnTo>
                    <a:pt x="436929" y="421130"/>
                  </a:lnTo>
                  <a:lnTo>
                    <a:pt x="435065" y="397551"/>
                  </a:lnTo>
                  <a:lnTo>
                    <a:pt x="435065" y="239353"/>
                  </a:lnTo>
                  <a:close/>
                </a:path>
                <a:path w="461009" h="456564">
                  <a:moveTo>
                    <a:pt x="460781" y="0"/>
                  </a:moveTo>
                  <a:lnTo>
                    <a:pt x="327225" y="0"/>
                  </a:lnTo>
                  <a:lnTo>
                    <a:pt x="339494" y="10052"/>
                  </a:lnTo>
                  <a:lnTo>
                    <a:pt x="347067" y="22152"/>
                  </a:lnTo>
                  <a:lnTo>
                    <a:pt x="351078" y="35093"/>
                  </a:lnTo>
                  <a:lnTo>
                    <a:pt x="352658" y="47669"/>
                  </a:lnTo>
                  <a:lnTo>
                    <a:pt x="352941" y="58675"/>
                  </a:lnTo>
                  <a:lnTo>
                    <a:pt x="352942" y="205323"/>
                  </a:lnTo>
                  <a:lnTo>
                    <a:pt x="435065" y="205323"/>
                  </a:lnTo>
                  <a:lnTo>
                    <a:pt x="435089" y="58675"/>
                  </a:lnTo>
                  <a:lnTo>
                    <a:pt x="447148" y="11711"/>
                  </a:lnTo>
                  <a:lnTo>
                    <a:pt x="458664" y="1286"/>
                  </a:lnTo>
                  <a:lnTo>
                    <a:pt x="460781" y="0"/>
                  </a:lnTo>
                  <a:close/>
                </a:path>
              </a:pathLst>
            </a:custGeom>
            <a:solidFill>
              <a:srgbClr val="000C33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5" name="object 11"/>
            <p:cNvSpPr/>
            <p:nvPr/>
          </p:nvSpPr>
          <p:spPr>
            <a:xfrm>
              <a:off x="9394162" y="5562889"/>
              <a:ext cx="344170" cy="456565"/>
            </a:xfrm>
            <a:custGeom>
              <a:avLst/>
              <a:gdLst/>
              <a:ahLst/>
              <a:cxnLst/>
              <a:rect l="l" t="t" r="r" b="b"/>
              <a:pathLst>
                <a:path w="344170" h="456564">
                  <a:moveTo>
                    <a:pt x="344167" y="0"/>
                  </a:moveTo>
                  <a:lnTo>
                    <a:pt x="0" y="0"/>
                  </a:lnTo>
                  <a:lnTo>
                    <a:pt x="12295" y="10048"/>
                  </a:lnTo>
                  <a:lnTo>
                    <a:pt x="19886" y="22142"/>
                  </a:lnTo>
                  <a:lnTo>
                    <a:pt x="23907" y="35078"/>
                  </a:lnTo>
                  <a:lnTo>
                    <a:pt x="25493" y="47651"/>
                  </a:lnTo>
                  <a:lnTo>
                    <a:pt x="25778" y="58656"/>
                  </a:lnTo>
                  <a:lnTo>
                    <a:pt x="25779" y="396155"/>
                  </a:lnTo>
                  <a:lnTo>
                    <a:pt x="25590" y="406825"/>
                  </a:lnTo>
                  <a:lnTo>
                    <a:pt x="24266" y="419244"/>
                  </a:lnTo>
                  <a:lnTo>
                    <a:pt x="20672" y="432204"/>
                  </a:lnTo>
                  <a:lnTo>
                    <a:pt x="13675" y="444498"/>
                  </a:lnTo>
                  <a:lnTo>
                    <a:pt x="2138" y="454920"/>
                  </a:lnTo>
                  <a:lnTo>
                    <a:pt x="344167" y="456216"/>
                  </a:lnTo>
                  <a:lnTo>
                    <a:pt x="344167" y="422196"/>
                  </a:lnTo>
                  <a:lnTo>
                    <a:pt x="108111" y="422196"/>
                  </a:lnTo>
                  <a:lnTo>
                    <a:pt x="108111" y="239353"/>
                  </a:lnTo>
                  <a:lnTo>
                    <a:pt x="283132" y="239353"/>
                  </a:lnTo>
                  <a:lnTo>
                    <a:pt x="283132" y="205323"/>
                  </a:lnTo>
                  <a:lnTo>
                    <a:pt x="108111" y="205323"/>
                  </a:lnTo>
                  <a:lnTo>
                    <a:pt x="108111" y="34532"/>
                  </a:lnTo>
                  <a:lnTo>
                    <a:pt x="344167" y="34532"/>
                  </a:lnTo>
                  <a:lnTo>
                    <a:pt x="344167" y="0"/>
                  </a:lnTo>
                  <a:close/>
                </a:path>
              </a:pathLst>
            </a:custGeom>
            <a:solidFill>
              <a:srgbClr val="000C33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  <p:sp>
          <p:nvSpPr>
            <p:cNvPr id="16" name="object 12"/>
            <p:cNvSpPr/>
            <p:nvPr/>
          </p:nvSpPr>
          <p:spPr>
            <a:xfrm>
              <a:off x="10428326" y="5562491"/>
              <a:ext cx="344170" cy="456565"/>
            </a:xfrm>
            <a:custGeom>
              <a:avLst/>
              <a:gdLst/>
              <a:ahLst/>
              <a:cxnLst/>
              <a:rect l="l" t="t" r="r" b="b"/>
              <a:pathLst>
                <a:path w="344170" h="456564">
                  <a:moveTo>
                    <a:pt x="0" y="0"/>
                  </a:moveTo>
                  <a:lnTo>
                    <a:pt x="23935" y="35071"/>
                  </a:lnTo>
                  <a:lnTo>
                    <a:pt x="25810" y="396145"/>
                  </a:lnTo>
                  <a:lnTo>
                    <a:pt x="25621" y="406813"/>
                  </a:lnTo>
                  <a:lnTo>
                    <a:pt x="24298" y="419227"/>
                  </a:lnTo>
                  <a:lnTo>
                    <a:pt x="20705" y="432182"/>
                  </a:lnTo>
                  <a:lnTo>
                    <a:pt x="13709" y="444476"/>
                  </a:lnTo>
                  <a:lnTo>
                    <a:pt x="2175" y="454906"/>
                  </a:lnTo>
                  <a:lnTo>
                    <a:pt x="344157" y="456226"/>
                  </a:lnTo>
                  <a:lnTo>
                    <a:pt x="344157" y="424091"/>
                  </a:lnTo>
                  <a:lnTo>
                    <a:pt x="108216" y="424091"/>
                  </a:lnTo>
                  <a:lnTo>
                    <a:pt x="108241" y="58647"/>
                  </a:lnTo>
                  <a:lnTo>
                    <a:pt x="120323" y="11737"/>
                  </a:lnTo>
                  <a:lnTo>
                    <a:pt x="131862" y="1312"/>
                  </a:lnTo>
                  <a:lnTo>
                    <a:pt x="0" y="0"/>
                  </a:lnTo>
                  <a:close/>
                </a:path>
                <a:path w="344170" h="456564">
                  <a:moveTo>
                    <a:pt x="344157" y="424081"/>
                  </a:moveTo>
                  <a:lnTo>
                    <a:pt x="108216" y="424091"/>
                  </a:lnTo>
                  <a:lnTo>
                    <a:pt x="344157" y="424091"/>
                  </a:lnTo>
                  <a:close/>
                </a:path>
              </a:pathLst>
            </a:custGeom>
            <a:solidFill>
              <a:srgbClr val="000C33"/>
            </a:solidFill>
          </p:spPr>
          <p:txBody>
            <a:bodyPr wrap="square" lIns="0" tIns="0" rIns="0" bIns="0" rtlCol="0"/>
            <a:lstStyle/>
            <a:p>
              <a:endParaRPr/>
            </a:p>
          </p:txBody>
        </p:sp>
      </p:grpSp>
    </p:spTree>
    <p:extLst>
      <p:ext uri="{BB962C8B-B14F-4D97-AF65-F5344CB8AC3E}">
        <p14:creationId xmlns:p14="http://schemas.microsoft.com/office/powerpoint/2010/main" val="3652924279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rk page with red patter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bject 2"/>
          <p:cNvSpPr/>
          <p:nvPr userDrawn="1"/>
        </p:nvSpPr>
        <p:spPr>
          <a:xfrm>
            <a:off x="6062646" y="1246178"/>
            <a:ext cx="7978814" cy="7926317"/>
          </a:xfrm>
          <a:prstGeom prst="rect">
            <a:avLst/>
          </a:prstGeom>
          <a:blipFill>
            <a:blip r:embed="rId2" cstate="print">
              <a:duotone>
                <a:prstClr val="black"/>
                <a:schemeClr val="accent3">
                  <a:tint val="45000"/>
                  <a:satMod val="400000"/>
                </a:schemeClr>
              </a:duotone>
            </a:blip>
            <a:stretch>
              <a:fillRect/>
            </a:stretch>
          </a:blipFill>
          <a:effectLst>
            <a:glow>
              <a:srgbClr val="E04E39"/>
            </a:glow>
          </a:effectLst>
        </p:spPr>
        <p:txBody>
          <a:bodyPr wrap="square" lIns="0" tIns="0" rIns="0" bIns="0" rtlCol="0"/>
          <a:lstStyle/>
          <a:p>
            <a:endParaRPr>
              <a:solidFill>
                <a:srgbClr val="E04E39"/>
              </a:solidFill>
            </a:endParaRPr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8258724" y="4256880"/>
            <a:ext cx="3586657" cy="2185987"/>
          </a:xfrm>
        </p:spPr>
        <p:txBody>
          <a:bodyPr>
            <a:noAutofit/>
          </a:bodyPr>
          <a:lstStyle>
            <a:lvl1pPr algn="ctr">
              <a:defRPr sz="4000">
                <a:solidFill>
                  <a:srgbClr val="E04E39"/>
                </a:solidFill>
              </a:defRPr>
            </a:lvl1pPr>
          </a:lstStyle>
          <a:p>
            <a:r>
              <a:rPr lang="en-US"/>
              <a:t>Add text</a:t>
            </a:r>
            <a:endParaRPr lang="fr-CH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900651" y="10301089"/>
            <a:ext cx="1760464" cy="7637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8250893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ed title Light page - Two block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>
          <a:xfrm>
            <a:off x="1146865" y="1198107"/>
            <a:ext cx="17591985" cy="213614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defRPr sz="9600" b="0" i="0">
                <a:solidFill>
                  <a:srgbClr val="E04E39"/>
                </a:solidFill>
                <a:latin typeface="Georgia"/>
                <a:cs typeface="Georgia"/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Holder 3"/>
          <p:cNvSpPr>
            <a:spLocks noGrp="1"/>
          </p:cNvSpPr>
          <p:nvPr>
            <p:ph sz="half" idx="2"/>
          </p:nvPr>
        </p:nvSpPr>
        <p:spPr>
          <a:xfrm>
            <a:off x="1136650" y="3530029"/>
            <a:ext cx="8531161" cy="677284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Holder 4"/>
          <p:cNvSpPr>
            <a:spLocks noGrp="1"/>
          </p:cNvSpPr>
          <p:nvPr>
            <p:ph sz="half" idx="3"/>
          </p:nvPr>
        </p:nvSpPr>
        <p:spPr>
          <a:xfrm>
            <a:off x="9899650" y="3530029"/>
            <a:ext cx="8763000" cy="677284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900651" y="10301089"/>
            <a:ext cx="1760464" cy="763786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38311" y="10458818"/>
            <a:ext cx="2065789" cy="8505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568872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ed title Transition page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93850" y="1082675"/>
            <a:ext cx="16154399" cy="4267199"/>
          </a:xfrm>
        </p:spPr>
        <p:txBody>
          <a:bodyPr>
            <a:noAutofit/>
          </a:bodyPr>
          <a:lstStyle>
            <a:lvl1pPr>
              <a:defRPr sz="13000" b="1">
                <a:solidFill>
                  <a:srgbClr val="E04E39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1593850" y="5578475"/>
            <a:ext cx="7467600" cy="4421188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fr-CH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9366249" y="5578475"/>
            <a:ext cx="8381999" cy="4421188"/>
          </a:xfrm>
          <a:prstGeom prst="rect">
            <a:avLst/>
          </a:prstGeom>
        </p:spPr>
        <p:txBody>
          <a:bodyPr/>
          <a:lstStyle>
            <a:lvl1pPr>
              <a:defRPr sz="4000">
                <a:solidFill>
                  <a:schemeClr val="bg1"/>
                </a:solidFill>
              </a:defRPr>
            </a:lvl1pPr>
            <a:lvl2pPr>
              <a:defRPr sz="4000">
                <a:solidFill>
                  <a:schemeClr val="bg1"/>
                </a:solidFill>
              </a:defRPr>
            </a:lvl2pPr>
            <a:lvl3pPr>
              <a:defRPr sz="4000">
                <a:solidFill>
                  <a:schemeClr val="bg1"/>
                </a:solidFill>
              </a:defRPr>
            </a:lvl3pPr>
            <a:lvl4pPr>
              <a:defRPr sz="4000">
                <a:solidFill>
                  <a:schemeClr val="bg1"/>
                </a:solidFill>
              </a:defRPr>
            </a:lvl4pPr>
            <a:lvl5pPr>
              <a:defRPr sz="40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32970" y="10545564"/>
            <a:ext cx="1760464" cy="7637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930295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lain page dark +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32970" y="10551219"/>
            <a:ext cx="1760464" cy="763786"/>
          </a:xfrm>
          <a:prstGeom prst="rect">
            <a:avLst/>
          </a:prstGeom>
        </p:spPr>
      </p:pic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137388" y="777875"/>
            <a:ext cx="17338675" cy="2185987"/>
          </a:xfrm>
        </p:spPr>
        <p:txBody>
          <a:bodyPr>
            <a:normAutofit/>
          </a:bodyPr>
          <a:lstStyle>
            <a:lvl1pPr>
              <a:defRPr sz="9600"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</p:spTree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STH-only_en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09050" y="4819897"/>
            <a:ext cx="2057400" cy="2057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026659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dvisory red lin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60450" y="549275"/>
            <a:ext cx="17338675" cy="2185987"/>
          </a:xfrm>
        </p:spPr>
        <p:txBody>
          <a:bodyPr>
            <a:normAutofit/>
          </a:bodyPr>
          <a:lstStyle>
            <a:lvl1pPr>
              <a:defRPr sz="9600">
                <a:solidFill>
                  <a:srgbClr val="001436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48794" y="10263187"/>
            <a:ext cx="2218481" cy="913399"/>
          </a:xfrm>
          <a:prstGeom prst="rect">
            <a:avLst/>
          </a:prstGeom>
        </p:spPr>
      </p:pic>
      <p:sp>
        <p:nvSpPr>
          <p:cNvPr id="5" name="TextBox 4"/>
          <p:cNvSpPr txBox="1"/>
          <p:nvPr userDrawn="1"/>
        </p:nvSpPr>
        <p:spPr>
          <a:xfrm>
            <a:off x="18722181" y="10489053"/>
            <a:ext cx="136815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H" sz="1200" b="1">
                <a:solidFill>
                  <a:srgbClr val="001436"/>
                </a:solidFill>
              </a:rPr>
              <a:t>ADVISORY </a:t>
            </a:r>
          </a:p>
          <a:p>
            <a:r>
              <a:rPr lang="fr-CH" sz="1200" b="1">
                <a:solidFill>
                  <a:srgbClr val="001436"/>
                </a:solidFill>
              </a:rPr>
              <a:t>SERVICES</a:t>
            </a: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504056" y="10767243"/>
            <a:ext cx="16244738" cy="0"/>
          </a:xfrm>
          <a:prstGeom prst="line">
            <a:avLst/>
          </a:prstGeom>
          <a:ln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4115004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sth red lin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60450" y="549275"/>
            <a:ext cx="17338675" cy="2185987"/>
          </a:xfrm>
        </p:spPr>
        <p:txBody>
          <a:bodyPr>
            <a:normAutofit/>
          </a:bodyPr>
          <a:lstStyle>
            <a:lvl1pPr>
              <a:defRPr sz="9600">
                <a:solidFill>
                  <a:srgbClr val="001436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524658" y="10263187"/>
            <a:ext cx="2218481" cy="913399"/>
          </a:xfrm>
          <a:prstGeom prst="rect">
            <a:avLst/>
          </a:prstGeom>
        </p:spPr>
      </p:pic>
      <p:sp>
        <p:nvSpPr>
          <p:cNvPr id="5" name="TextBox 4"/>
          <p:cNvSpPr txBox="1"/>
          <p:nvPr userDrawn="1"/>
        </p:nvSpPr>
        <p:spPr>
          <a:xfrm>
            <a:off x="17468874" y="10489053"/>
            <a:ext cx="259228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H" sz="1200" b="1">
                <a:solidFill>
                  <a:schemeClr val="accent3"/>
                </a:solidFill>
              </a:rPr>
              <a:t>SWISS</a:t>
            </a:r>
            <a:r>
              <a:rPr lang="fr-CH" sz="1200" b="1" baseline="0">
                <a:solidFill>
                  <a:schemeClr val="accent3"/>
                </a:solidFill>
              </a:rPr>
              <a:t> SCHOOL OF</a:t>
            </a:r>
          </a:p>
          <a:p>
            <a:r>
              <a:rPr lang="fr-CH" sz="1200" b="1" baseline="0">
                <a:solidFill>
                  <a:schemeClr val="accent3"/>
                </a:solidFill>
              </a:rPr>
              <a:t>TOURISM AND HOSPITALITY</a:t>
            </a:r>
            <a:endParaRPr lang="fr-CH" sz="1200" b="1">
              <a:solidFill>
                <a:schemeClr val="accent3"/>
              </a:solidFill>
            </a:endParaRPr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504056" y="10767243"/>
            <a:ext cx="15092610" cy="0"/>
          </a:xfrm>
          <a:prstGeom prst="line">
            <a:avLst/>
          </a:prstGeom>
          <a:ln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614951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re_Nom Spea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4400" r="349" b="21420"/>
          <a:stretch/>
        </p:blipFill>
        <p:spPr>
          <a:xfrm>
            <a:off x="0" y="-31413"/>
            <a:ext cx="20127849" cy="7743764"/>
          </a:xfrm>
          <a:prstGeom prst="rect">
            <a:avLst/>
          </a:prstGeom>
        </p:spPr>
      </p:pic>
      <p:grpSp>
        <p:nvGrpSpPr>
          <p:cNvPr id="3" name="Grouper 2"/>
          <p:cNvGrpSpPr/>
          <p:nvPr userDrawn="1"/>
        </p:nvGrpSpPr>
        <p:grpSpPr>
          <a:xfrm>
            <a:off x="0" y="7686897"/>
            <a:ext cx="20127845" cy="3686010"/>
            <a:chOff x="1" y="2421202"/>
            <a:chExt cx="9154800" cy="1676400"/>
          </a:xfrm>
        </p:grpSpPr>
        <p:sp>
          <p:nvSpPr>
            <p:cNvPr id="5" name="Rectangle 4"/>
            <p:cNvSpPr/>
            <p:nvPr userDrawn="1"/>
          </p:nvSpPr>
          <p:spPr>
            <a:xfrm>
              <a:off x="1" y="2421202"/>
              <a:ext cx="9154800" cy="1676400"/>
            </a:xfrm>
            <a:prstGeom prst="rect">
              <a:avLst/>
            </a:prstGeom>
            <a:solidFill>
              <a:srgbClr val="003B49">
                <a:alpha val="79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7036" cap="all">
                <a:solidFill>
                  <a:schemeClr val="bg1"/>
                </a:solidFill>
                <a:latin typeface="Arial"/>
                <a:cs typeface="Arial"/>
              </a:endParaRPr>
            </a:p>
          </p:txBody>
        </p:sp>
        <p:cxnSp>
          <p:nvCxnSpPr>
            <p:cNvPr id="6" name="Connecteur droit 5"/>
            <p:cNvCxnSpPr/>
            <p:nvPr userDrawn="1"/>
          </p:nvCxnSpPr>
          <p:spPr>
            <a:xfrm>
              <a:off x="457200" y="2655365"/>
              <a:ext cx="8229600" cy="0"/>
            </a:xfrm>
            <a:prstGeom prst="line">
              <a:avLst/>
            </a:prstGeom>
            <a:ln w="19050" cmpd="sng">
              <a:solidFill>
                <a:schemeClr val="bg1"/>
              </a:solidFill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005205" y="8204473"/>
            <a:ext cx="17088485" cy="1141933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7036" cap="all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r>
              <a:rPr lang="fr-CH"/>
              <a:t>Cliquez et modifiez le titre</a:t>
            </a:r>
            <a:endParaRPr lang="fr-FR"/>
          </a:p>
        </p:txBody>
      </p:sp>
      <p:sp>
        <p:nvSpPr>
          <p:cNvPr id="9" name="Espace réservé du texte 8"/>
          <p:cNvSpPr>
            <a:spLocks noGrp="1"/>
          </p:cNvSpPr>
          <p:nvPr>
            <p:ph type="body" sz="quarter" idx="13" hasCustomPrompt="1"/>
          </p:nvPr>
        </p:nvSpPr>
        <p:spPr>
          <a:xfrm>
            <a:off x="1005206" y="9430183"/>
            <a:ext cx="17290922" cy="6876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518" cap="all">
                <a:solidFill>
                  <a:srgbClr val="FFFFFF"/>
                </a:solidFill>
                <a:latin typeface="Arial"/>
                <a:cs typeface="Arial"/>
              </a:defRPr>
            </a:lvl1pPr>
            <a:lvl2pPr marL="1005176" indent="0">
              <a:buNone/>
              <a:defRPr>
                <a:solidFill>
                  <a:srgbClr val="FFFFFF"/>
                </a:solidFill>
              </a:defRPr>
            </a:lvl2pPr>
          </a:lstStyle>
          <a:p>
            <a:pPr lvl="0"/>
            <a:r>
              <a:rPr lang="fr-CH"/>
              <a:t>Nom du speaker</a:t>
            </a:r>
          </a:p>
        </p:txBody>
      </p:sp>
      <p:sp>
        <p:nvSpPr>
          <p:cNvPr id="13" name="Espace réservé du contenu 12"/>
          <p:cNvSpPr>
            <a:spLocks noGrp="1"/>
          </p:cNvSpPr>
          <p:nvPr>
            <p:ph sz="quarter" idx="14" hasCustomPrompt="1"/>
          </p:nvPr>
        </p:nvSpPr>
        <p:spPr>
          <a:xfrm>
            <a:off x="1005206" y="10194608"/>
            <a:ext cx="16940037" cy="686984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518" b="0" i="0" cap="all">
                <a:solidFill>
                  <a:schemeClr val="bg1"/>
                </a:solidFill>
                <a:latin typeface="Arial"/>
              </a:defRPr>
            </a:lvl1pPr>
          </a:lstStyle>
          <a:p>
            <a:pPr lvl="0"/>
            <a:r>
              <a:rPr lang="fr-CH"/>
              <a:t>Date</a:t>
            </a:r>
            <a:endParaRPr lang="fr-FR"/>
          </a:p>
        </p:txBody>
      </p:sp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2493" y="508349"/>
            <a:ext cx="4409968" cy="1050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76092191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re_Nom Spea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2" descr="C:\Users\mbrazzola\Downloads\_DSC2632.jpg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" y="2"/>
            <a:ext cx="20104102" cy="1130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3" name="Grouper 2"/>
          <p:cNvGrpSpPr/>
          <p:nvPr userDrawn="1"/>
        </p:nvGrpSpPr>
        <p:grpSpPr>
          <a:xfrm>
            <a:off x="0" y="7623340"/>
            <a:ext cx="20127845" cy="3686010"/>
            <a:chOff x="1" y="2421202"/>
            <a:chExt cx="9154800" cy="1676400"/>
          </a:xfrm>
        </p:grpSpPr>
        <p:sp>
          <p:nvSpPr>
            <p:cNvPr id="5" name="Rectangle 4"/>
            <p:cNvSpPr/>
            <p:nvPr userDrawn="1"/>
          </p:nvSpPr>
          <p:spPr>
            <a:xfrm>
              <a:off x="1" y="2421202"/>
              <a:ext cx="9154800" cy="1676400"/>
            </a:xfrm>
            <a:prstGeom prst="rect">
              <a:avLst/>
            </a:prstGeom>
            <a:solidFill>
              <a:srgbClr val="003B49">
                <a:alpha val="79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7036" cap="all">
                <a:solidFill>
                  <a:schemeClr val="bg1"/>
                </a:solidFill>
                <a:latin typeface="Arial"/>
                <a:cs typeface="Arial"/>
              </a:endParaRPr>
            </a:p>
          </p:txBody>
        </p:sp>
        <p:cxnSp>
          <p:nvCxnSpPr>
            <p:cNvPr id="6" name="Connecteur droit 5"/>
            <p:cNvCxnSpPr/>
            <p:nvPr userDrawn="1"/>
          </p:nvCxnSpPr>
          <p:spPr>
            <a:xfrm>
              <a:off x="457200" y="2655365"/>
              <a:ext cx="8229600" cy="0"/>
            </a:xfrm>
            <a:prstGeom prst="line">
              <a:avLst/>
            </a:prstGeom>
            <a:ln w="19050" cmpd="sng">
              <a:solidFill>
                <a:schemeClr val="bg1"/>
              </a:solidFill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pic>
          <p:nvPicPr>
            <p:cNvPr id="7" name="Image 6" descr="hs_Logo_blanc_2.eps"/>
            <p:cNvPicPr>
              <a:picLocks noChangeAspect="1"/>
            </p:cNvPicPr>
            <p:nvPr userDrawn="1"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454789" y="3479503"/>
              <a:ext cx="1327068" cy="402142"/>
            </a:xfrm>
            <a:prstGeom prst="rect">
              <a:avLst/>
            </a:prstGeom>
          </p:spPr>
        </p:pic>
        <p:pic>
          <p:nvPicPr>
            <p:cNvPr id="8" name="Image 7" descr="HES·S fran._all._angl. blanc.eps"/>
            <p:cNvPicPr>
              <a:picLocks noChangeAspect="1"/>
            </p:cNvPicPr>
            <p:nvPr userDrawn="1"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146437" y="3479503"/>
              <a:ext cx="706120" cy="489240"/>
            </a:xfrm>
            <a:prstGeom prst="rect">
              <a:avLst/>
            </a:prstGeom>
          </p:spPr>
        </p:pic>
        <p:pic>
          <p:nvPicPr>
            <p:cNvPr id="10" name="Image 9" descr="NEA S&amp;C blanc logo.eps"/>
            <p:cNvPicPr>
              <a:picLocks noChangeAspect="1"/>
            </p:cNvPicPr>
            <p:nvPr userDrawn="1"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226732" y="3517107"/>
              <a:ext cx="435747" cy="403066"/>
            </a:xfrm>
            <a:prstGeom prst="rect">
              <a:avLst/>
            </a:prstGeom>
          </p:spPr>
        </p:pic>
      </p:grpSp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005205" y="8204473"/>
            <a:ext cx="17088485" cy="1141933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7036" cap="all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r>
              <a:rPr lang="fr-CH"/>
              <a:t>Cliquez et modifiez le titre</a:t>
            </a:r>
            <a:endParaRPr lang="fr-FR"/>
          </a:p>
        </p:txBody>
      </p:sp>
      <p:sp>
        <p:nvSpPr>
          <p:cNvPr id="9" name="Espace réservé du texte 8"/>
          <p:cNvSpPr>
            <a:spLocks noGrp="1"/>
          </p:cNvSpPr>
          <p:nvPr>
            <p:ph type="body" sz="quarter" idx="13" hasCustomPrompt="1"/>
          </p:nvPr>
        </p:nvSpPr>
        <p:spPr>
          <a:xfrm>
            <a:off x="1005204" y="9430180"/>
            <a:ext cx="17290922" cy="6876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518" cap="all">
                <a:solidFill>
                  <a:srgbClr val="FFFFFF"/>
                </a:solidFill>
                <a:latin typeface="Arial"/>
                <a:cs typeface="Arial"/>
              </a:defRPr>
            </a:lvl1pPr>
            <a:lvl2pPr marL="1005200" indent="0">
              <a:buNone/>
              <a:defRPr>
                <a:solidFill>
                  <a:srgbClr val="FFFFFF"/>
                </a:solidFill>
              </a:defRPr>
            </a:lvl2pPr>
          </a:lstStyle>
          <a:p>
            <a:pPr lvl="0"/>
            <a:r>
              <a:rPr lang="fr-CH"/>
              <a:t>Nom du speaker</a:t>
            </a:r>
          </a:p>
        </p:txBody>
      </p:sp>
      <p:sp>
        <p:nvSpPr>
          <p:cNvPr id="13" name="Espace réservé du contenu 12"/>
          <p:cNvSpPr>
            <a:spLocks noGrp="1"/>
          </p:cNvSpPr>
          <p:nvPr>
            <p:ph sz="quarter" idx="14" hasCustomPrompt="1"/>
          </p:nvPr>
        </p:nvSpPr>
        <p:spPr>
          <a:xfrm>
            <a:off x="1005204" y="10194608"/>
            <a:ext cx="16940037" cy="686984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518" b="0" i="0" cap="all">
                <a:solidFill>
                  <a:schemeClr val="bg1"/>
                </a:solidFill>
                <a:latin typeface="Arial"/>
              </a:defRPr>
            </a:lvl1pPr>
          </a:lstStyle>
          <a:p>
            <a:pPr lvl="0"/>
            <a:r>
              <a:rPr lang="fr-CH"/>
              <a:t>Date</a:t>
            </a:r>
            <a:endParaRPr lang="fr-FR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2493" y="508349"/>
            <a:ext cx="4409968" cy="1050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2647655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_Nom Spea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-176"/>
          <a:stretch/>
        </p:blipFill>
        <p:spPr>
          <a:xfrm>
            <a:off x="-80273" y="-203487"/>
            <a:ext cx="20264651" cy="11557995"/>
          </a:xfrm>
          <a:prstGeom prst="rect">
            <a:avLst/>
          </a:prstGeom>
        </p:spPr>
      </p:pic>
      <p:grpSp>
        <p:nvGrpSpPr>
          <p:cNvPr id="3" name="Grouper 2"/>
          <p:cNvGrpSpPr/>
          <p:nvPr userDrawn="1"/>
        </p:nvGrpSpPr>
        <p:grpSpPr>
          <a:xfrm>
            <a:off x="0" y="7623340"/>
            <a:ext cx="20127845" cy="3686010"/>
            <a:chOff x="1" y="2421202"/>
            <a:chExt cx="9154800" cy="1676400"/>
          </a:xfrm>
        </p:grpSpPr>
        <p:sp>
          <p:nvSpPr>
            <p:cNvPr id="5" name="Rectangle 4"/>
            <p:cNvSpPr/>
            <p:nvPr userDrawn="1"/>
          </p:nvSpPr>
          <p:spPr>
            <a:xfrm>
              <a:off x="1" y="2421202"/>
              <a:ext cx="9154800" cy="1676400"/>
            </a:xfrm>
            <a:prstGeom prst="rect">
              <a:avLst/>
            </a:prstGeom>
            <a:solidFill>
              <a:srgbClr val="003B49">
                <a:alpha val="79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7036" cap="all">
                <a:solidFill>
                  <a:schemeClr val="bg1"/>
                </a:solidFill>
                <a:latin typeface="Arial"/>
                <a:cs typeface="Arial"/>
              </a:endParaRPr>
            </a:p>
          </p:txBody>
        </p:sp>
        <p:cxnSp>
          <p:nvCxnSpPr>
            <p:cNvPr id="6" name="Connecteur droit 5"/>
            <p:cNvCxnSpPr/>
            <p:nvPr userDrawn="1"/>
          </p:nvCxnSpPr>
          <p:spPr>
            <a:xfrm>
              <a:off x="457200" y="2655365"/>
              <a:ext cx="8229600" cy="0"/>
            </a:xfrm>
            <a:prstGeom prst="line">
              <a:avLst/>
            </a:prstGeom>
            <a:ln w="19050" cmpd="sng">
              <a:solidFill>
                <a:schemeClr val="bg1"/>
              </a:solidFill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pic>
          <p:nvPicPr>
            <p:cNvPr id="7" name="Image 6" descr="hs_Logo_blanc_2.eps"/>
            <p:cNvPicPr>
              <a:picLocks noChangeAspect="1"/>
            </p:cNvPicPr>
            <p:nvPr userDrawn="1"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454789" y="3479503"/>
              <a:ext cx="1327068" cy="402142"/>
            </a:xfrm>
            <a:prstGeom prst="rect">
              <a:avLst/>
            </a:prstGeom>
          </p:spPr>
        </p:pic>
        <p:pic>
          <p:nvPicPr>
            <p:cNvPr id="8" name="Image 7" descr="HES·S fran._all._angl. blanc.eps"/>
            <p:cNvPicPr>
              <a:picLocks noChangeAspect="1"/>
            </p:cNvPicPr>
            <p:nvPr userDrawn="1"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146437" y="3479503"/>
              <a:ext cx="706120" cy="489240"/>
            </a:xfrm>
            <a:prstGeom prst="rect">
              <a:avLst/>
            </a:prstGeom>
          </p:spPr>
        </p:pic>
        <p:pic>
          <p:nvPicPr>
            <p:cNvPr id="10" name="Image 9" descr="NEA S&amp;C blanc logo.eps"/>
            <p:cNvPicPr>
              <a:picLocks noChangeAspect="1"/>
            </p:cNvPicPr>
            <p:nvPr userDrawn="1"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226732" y="3517107"/>
              <a:ext cx="435747" cy="403066"/>
            </a:xfrm>
            <a:prstGeom prst="rect">
              <a:avLst/>
            </a:prstGeom>
          </p:spPr>
        </p:pic>
      </p:grpSp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005205" y="8204473"/>
            <a:ext cx="17088485" cy="1141933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7036" cap="all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r>
              <a:rPr lang="fr-CH"/>
              <a:t>Cliquez et modifiez le titre</a:t>
            </a:r>
            <a:endParaRPr lang="fr-FR"/>
          </a:p>
        </p:txBody>
      </p:sp>
      <p:sp>
        <p:nvSpPr>
          <p:cNvPr id="9" name="Espace réservé du texte 8"/>
          <p:cNvSpPr>
            <a:spLocks noGrp="1"/>
          </p:cNvSpPr>
          <p:nvPr>
            <p:ph type="body" sz="quarter" idx="13" hasCustomPrompt="1"/>
          </p:nvPr>
        </p:nvSpPr>
        <p:spPr>
          <a:xfrm>
            <a:off x="1005204" y="9430180"/>
            <a:ext cx="17290922" cy="6876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518" cap="all">
                <a:solidFill>
                  <a:srgbClr val="FFFFFF"/>
                </a:solidFill>
                <a:latin typeface="Arial"/>
                <a:cs typeface="Arial"/>
              </a:defRPr>
            </a:lvl1pPr>
            <a:lvl2pPr marL="1005200" indent="0">
              <a:buNone/>
              <a:defRPr>
                <a:solidFill>
                  <a:srgbClr val="FFFFFF"/>
                </a:solidFill>
              </a:defRPr>
            </a:lvl2pPr>
          </a:lstStyle>
          <a:p>
            <a:pPr lvl="0"/>
            <a:r>
              <a:rPr lang="fr-CH"/>
              <a:t>Nom du speaker</a:t>
            </a:r>
          </a:p>
        </p:txBody>
      </p:sp>
      <p:sp>
        <p:nvSpPr>
          <p:cNvPr id="13" name="Espace réservé du contenu 12"/>
          <p:cNvSpPr>
            <a:spLocks noGrp="1"/>
          </p:cNvSpPr>
          <p:nvPr>
            <p:ph sz="quarter" idx="14" hasCustomPrompt="1"/>
          </p:nvPr>
        </p:nvSpPr>
        <p:spPr>
          <a:xfrm>
            <a:off x="1005204" y="10194608"/>
            <a:ext cx="16940037" cy="686984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518" b="0" i="0" cap="all">
                <a:solidFill>
                  <a:schemeClr val="bg1"/>
                </a:solidFill>
                <a:latin typeface="Arial"/>
              </a:defRPr>
            </a:lvl1pPr>
          </a:lstStyle>
          <a:p>
            <a:pPr lvl="0"/>
            <a:r>
              <a:rPr lang="fr-CH"/>
              <a:t>Date</a:t>
            </a:r>
            <a:endParaRPr lang="fr-FR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2491" y="508346"/>
            <a:ext cx="4409968" cy="10509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3357184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re_Nom Speak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41884" y="-45158"/>
            <a:ext cx="20212826" cy="11399666"/>
          </a:xfrm>
          <a:prstGeom prst="rect">
            <a:avLst/>
          </a:prstGeom>
        </p:spPr>
      </p:pic>
      <p:grpSp>
        <p:nvGrpSpPr>
          <p:cNvPr id="3" name="Grouper 2"/>
          <p:cNvGrpSpPr/>
          <p:nvPr userDrawn="1"/>
        </p:nvGrpSpPr>
        <p:grpSpPr>
          <a:xfrm>
            <a:off x="0" y="7623340"/>
            <a:ext cx="20127845" cy="3686010"/>
            <a:chOff x="1" y="2421202"/>
            <a:chExt cx="9154800" cy="1676400"/>
          </a:xfrm>
        </p:grpSpPr>
        <p:sp>
          <p:nvSpPr>
            <p:cNvPr id="5" name="Rectangle 4"/>
            <p:cNvSpPr/>
            <p:nvPr userDrawn="1"/>
          </p:nvSpPr>
          <p:spPr>
            <a:xfrm>
              <a:off x="1" y="2421202"/>
              <a:ext cx="9154800" cy="1676400"/>
            </a:xfrm>
            <a:prstGeom prst="rect">
              <a:avLst/>
            </a:prstGeom>
            <a:solidFill>
              <a:srgbClr val="003B49">
                <a:alpha val="79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7036" cap="all">
                <a:solidFill>
                  <a:schemeClr val="bg1"/>
                </a:solidFill>
                <a:latin typeface="Arial"/>
                <a:cs typeface="Arial"/>
              </a:endParaRPr>
            </a:p>
          </p:txBody>
        </p:sp>
        <p:cxnSp>
          <p:nvCxnSpPr>
            <p:cNvPr id="6" name="Connecteur droit 5"/>
            <p:cNvCxnSpPr/>
            <p:nvPr userDrawn="1"/>
          </p:nvCxnSpPr>
          <p:spPr>
            <a:xfrm>
              <a:off x="457200" y="2655365"/>
              <a:ext cx="8229600" cy="0"/>
            </a:xfrm>
            <a:prstGeom prst="line">
              <a:avLst/>
            </a:prstGeom>
            <a:ln w="19050" cmpd="sng">
              <a:solidFill>
                <a:schemeClr val="bg1"/>
              </a:solidFill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pic>
          <p:nvPicPr>
            <p:cNvPr id="7" name="Image 6" descr="hs_Logo_blanc_2.eps"/>
            <p:cNvPicPr>
              <a:picLocks noChangeAspect="1"/>
            </p:cNvPicPr>
            <p:nvPr userDrawn="1"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454789" y="3479503"/>
              <a:ext cx="1327068" cy="402142"/>
            </a:xfrm>
            <a:prstGeom prst="rect">
              <a:avLst/>
            </a:prstGeom>
          </p:spPr>
        </p:pic>
        <p:pic>
          <p:nvPicPr>
            <p:cNvPr id="8" name="Image 7" descr="HES·S fran._all._angl. blanc.eps"/>
            <p:cNvPicPr>
              <a:picLocks noChangeAspect="1"/>
            </p:cNvPicPr>
            <p:nvPr userDrawn="1"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146437" y="3479503"/>
              <a:ext cx="706120" cy="489240"/>
            </a:xfrm>
            <a:prstGeom prst="rect">
              <a:avLst/>
            </a:prstGeom>
          </p:spPr>
        </p:pic>
        <p:pic>
          <p:nvPicPr>
            <p:cNvPr id="10" name="Image 9" descr="NEA S&amp;C blanc logo.eps"/>
            <p:cNvPicPr>
              <a:picLocks noChangeAspect="1"/>
            </p:cNvPicPr>
            <p:nvPr userDrawn="1"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226732" y="3517107"/>
              <a:ext cx="435747" cy="403066"/>
            </a:xfrm>
            <a:prstGeom prst="rect">
              <a:avLst/>
            </a:prstGeom>
          </p:spPr>
        </p:pic>
      </p:grpSp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1005205" y="8204473"/>
            <a:ext cx="17088485" cy="1141933"/>
          </a:xfrm>
          <a:prstGeom prst="rect">
            <a:avLst/>
          </a:prstGeom>
        </p:spPr>
        <p:txBody>
          <a:bodyPr>
            <a:normAutofit/>
          </a:bodyPr>
          <a:lstStyle>
            <a:lvl1pPr algn="l">
              <a:defRPr sz="7036" cap="all">
                <a:solidFill>
                  <a:schemeClr val="bg1"/>
                </a:solidFill>
                <a:latin typeface="Arial"/>
                <a:cs typeface="Arial"/>
              </a:defRPr>
            </a:lvl1pPr>
          </a:lstStyle>
          <a:p>
            <a:r>
              <a:rPr lang="fr-CH"/>
              <a:t>Cliquez et modifiez le titre</a:t>
            </a:r>
            <a:endParaRPr lang="fr-FR"/>
          </a:p>
        </p:txBody>
      </p:sp>
      <p:sp>
        <p:nvSpPr>
          <p:cNvPr id="9" name="Espace réservé du texte 8"/>
          <p:cNvSpPr>
            <a:spLocks noGrp="1"/>
          </p:cNvSpPr>
          <p:nvPr>
            <p:ph type="body" sz="quarter" idx="13" hasCustomPrompt="1"/>
          </p:nvPr>
        </p:nvSpPr>
        <p:spPr>
          <a:xfrm>
            <a:off x="1005204" y="9430180"/>
            <a:ext cx="17290922" cy="6876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518" cap="all">
                <a:solidFill>
                  <a:srgbClr val="FFFFFF"/>
                </a:solidFill>
                <a:latin typeface="Arial"/>
                <a:cs typeface="Arial"/>
              </a:defRPr>
            </a:lvl1pPr>
            <a:lvl2pPr marL="1005200" indent="0">
              <a:buNone/>
              <a:defRPr>
                <a:solidFill>
                  <a:srgbClr val="FFFFFF"/>
                </a:solidFill>
              </a:defRPr>
            </a:lvl2pPr>
          </a:lstStyle>
          <a:p>
            <a:pPr lvl="0"/>
            <a:r>
              <a:rPr lang="fr-CH"/>
              <a:t>Nom du speaker</a:t>
            </a:r>
          </a:p>
        </p:txBody>
      </p:sp>
      <p:sp>
        <p:nvSpPr>
          <p:cNvPr id="13" name="Espace réservé du contenu 12"/>
          <p:cNvSpPr>
            <a:spLocks noGrp="1"/>
          </p:cNvSpPr>
          <p:nvPr>
            <p:ph sz="quarter" idx="14" hasCustomPrompt="1"/>
          </p:nvPr>
        </p:nvSpPr>
        <p:spPr>
          <a:xfrm>
            <a:off x="1005204" y="10194608"/>
            <a:ext cx="16940037" cy="686984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3518" b="0" i="0" cap="all">
                <a:solidFill>
                  <a:schemeClr val="bg1"/>
                </a:solidFill>
                <a:latin typeface="Arial"/>
              </a:defRPr>
            </a:lvl1pPr>
          </a:lstStyle>
          <a:p>
            <a:pPr lvl="0"/>
            <a:r>
              <a:rPr lang="fr-CH"/>
              <a:t>Date</a:t>
            </a:r>
            <a:endParaRPr lang="fr-FR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2493" y="508349"/>
            <a:ext cx="4409968" cy="1050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04544769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2" descr="C:\Users\mbrazzola\Downloads\_DSC2632.jpg"/>
          <p:cNvPicPr>
            <a:picLocks noChangeAspect="1" noChangeArrowheads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-1" y="2"/>
            <a:ext cx="20104102" cy="11309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5" name="Grouper 4"/>
          <p:cNvGrpSpPr/>
          <p:nvPr userDrawn="1"/>
        </p:nvGrpSpPr>
        <p:grpSpPr>
          <a:xfrm>
            <a:off x="6641503" y="706074"/>
            <a:ext cx="12905126" cy="9325593"/>
            <a:chOff x="3020772" y="321123"/>
            <a:chExt cx="5869672" cy="4241286"/>
          </a:xfrm>
        </p:grpSpPr>
        <p:sp>
          <p:nvSpPr>
            <p:cNvPr id="3" name="Rectangle 2"/>
            <p:cNvSpPr/>
            <p:nvPr userDrawn="1"/>
          </p:nvSpPr>
          <p:spPr>
            <a:xfrm>
              <a:off x="3020772" y="321123"/>
              <a:ext cx="5869672" cy="4241286"/>
            </a:xfrm>
            <a:prstGeom prst="rect">
              <a:avLst/>
            </a:prstGeom>
            <a:solidFill>
              <a:srgbClr val="003B49">
                <a:alpha val="79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7036" cap="all">
                <a:latin typeface=""/>
              </a:endParaRPr>
            </a:p>
          </p:txBody>
        </p:sp>
        <p:cxnSp>
          <p:nvCxnSpPr>
            <p:cNvPr id="4" name="Connecteur droit 3"/>
            <p:cNvCxnSpPr/>
            <p:nvPr userDrawn="1"/>
          </p:nvCxnSpPr>
          <p:spPr>
            <a:xfrm>
              <a:off x="3279695" y="690527"/>
              <a:ext cx="5400000" cy="0"/>
            </a:xfrm>
            <a:prstGeom prst="line">
              <a:avLst/>
            </a:prstGeom>
            <a:ln w="19050" cmpd="sng">
              <a:solidFill>
                <a:schemeClr val="bg1"/>
              </a:solidFill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7225964" y="1531094"/>
            <a:ext cx="11872931" cy="2422435"/>
          </a:xfrm>
          <a:prstGeom prst="rect">
            <a:avLst/>
          </a:prstGeom>
        </p:spPr>
        <p:txBody>
          <a:bodyPr/>
          <a:lstStyle>
            <a:lvl1pPr algn="l">
              <a:defRPr sz="7036" cap="all">
                <a:solidFill>
                  <a:srgbClr val="FFFFFF"/>
                </a:solidFill>
                <a:latin typeface="Arial"/>
              </a:defRPr>
            </a:lvl1pPr>
          </a:lstStyle>
          <a:p>
            <a:r>
              <a:rPr lang="fr-CH"/>
              <a:t>Cliquez et modifiez le titre</a:t>
            </a: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46453683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6" name="Picture 2" descr="R:\BDM\Photos\Campus_Architecture\Atrium\_DSC2683.jpg"/>
          <p:cNvPicPr>
            <a:picLocks noChangeAspect="1" noChangeArrowheads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8058" y="-1967"/>
            <a:ext cx="20104100" cy="1128840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10" name="Grouper 4"/>
          <p:cNvGrpSpPr/>
          <p:nvPr userDrawn="1"/>
        </p:nvGrpSpPr>
        <p:grpSpPr>
          <a:xfrm>
            <a:off x="6641503" y="706074"/>
            <a:ext cx="12905126" cy="9325593"/>
            <a:chOff x="3020772" y="321123"/>
            <a:chExt cx="5869672" cy="4241286"/>
          </a:xfrm>
        </p:grpSpPr>
        <p:sp>
          <p:nvSpPr>
            <p:cNvPr id="11" name="Rectangle 10"/>
            <p:cNvSpPr/>
            <p:nvPr userDrawn="1"/>
          </p:nvSpPr>
          <p:spPr>
            <a:xfrm>
              <a:off x="3020772" y="321123"/>
              <a:ext cx="5869672" cy="4241286"/>
            </a:xfrm>
            <a:prstGeom prst="rect">
              <a:avLst/>
            </a:prstGeom>
            <a:solidFill>
              <a:srgbClr val="003B49">
                <a:alpha val="79000"/>
              </a:srgbClr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7036" cap="all">
                <a:solidFill>
                  <a:prstClr val="white"/>
                </a:solidFill>
                <a:latin typeface=""/>
              </a:endParaRPr>
            </a:p>
          </p:txBody>
        </p:sp>
        <p:cxnSp>
          <p:nvCxnSpPr>
            <p:cNvPr id="14" name="Connecteur droit 3"/>
            <p:cNvCxnSpPr/>
            <p:nvPr userDrawn="1"/>
          </p:nvCxnSpPr>
          <p:spPr>
            <a:xfrm>
              <a:off x="3279695" y="690527"/>
              <a:ext cx="5400000" cy="0"/>
            </a:xfrm>
            <a:prstGeom prst="line">
              <a:avLst/>
            </a:prstGeom>
            <a:ln w="19050" cmpd="sng">
              <a:solidFill>
                <a:schemeClr val="bg1"/>
              </a:solidFill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</p:grpSp>
      <p:sp>
        <p:nvSpPr>
          <p:cNvPr id="12" name="Titre 1"/>
          <p:cNvSpPr>
            <a:spLocks noGrp="1"/>
          </p:cNvSpPr>
          <p:nvPr>
            <p:ph type="ctrTitle"/>
          </p:nvPr>
        </p:nvSpPr>
        <p:spPr>
          <a:xfrm>
            <a:off x="7190601" y="1503029"/>
            <a:ext cx="10788578" cy="2422435"/>
          </a:xfrm>
          <a:prstGeom prst="rect">
            <a:avLst/>
          </a:prstGeom>
        </p:spPr>
        <p:txBody>
          <a:bodyPr/>
          <a:lstStyle>
            <a:lvl1pPr marL="1130850" indent="-1130850" algn="l">
              <a:buFont typeface="+mj-lt"/>
              <a:buAutoNum type="arabicPeriod"/>
              <a:defRPr sz="7036" cap="all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fr-CH"/>
              <a:t>Cliquez et modifiez le titre</a:t>
            </a: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70343817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re et contenu_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8" name="Connecteur droit 17"/>
          <p:cNvCxnSpPr/>
          <p:nvPr userDrawn="1"/>
        </p:nvCxnSpPr>
        <p:spPr>
          <a:xfrm flipV="1">
            <a:off x="1367906" y="1897884"/>
            <a:ext cx="17770595" cy="0"/>
          </a:xfrm>
          <a:prstGeom prst="line">
            <a:avLst/>
          </a:prstGeom>
          <a:ln w="25400">
            <a:solidFill>
              <a:srgbClr val="00627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1143825" y="2374666"/>
            <a:ext cx="9331596" cy="7915556"/>
          </a:xfrm>
          <a:prstGeom prst="rect">
            <a:avLst/>
          </a:prstGeom>
        </p:spPr>
        <p:txBody>
          <a:bodyPr/>
          <a:lstStyle>
            <a:lvl1pPr>
              <a:defRPr sz="3957">
                <a:solidFill>
                  <a:srgbClr val="5A5A5A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1507800" indent="-502600">
              <a:buClr>
                <a:srgbClr val="5A5A5A"/>
              </a:buClr>
              <a:buSzPct val="80000"/>
              <a:buFont typeface="Courier New" panose="02070309020205020404" pitchFamily="49" charset="0"/>
              <a:buChar char="o"/>
              <a:defRPr lang="fr-CH" sz="3518" kern="1200" dirty="0" smtClean="0">
                <a:solidFill>
                  <a:srgbClr val="5A5A5A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2pPr>
            <a:lvl3pPr>
              <a:buClr>
                <a:srgbClr val="5A5A5A"/>
              </a:buClr>
              <a:defRPr sz="3518">
                <a:solidFill>
                  <a:srgbClr val="5A5A5A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3pPr>
          </a:lstStyle>
          <a:p>
            <a:pPr lvl="0"/>
            <a:r>
              <a:rPr lang="fr-CH"/>
              <a:t>Cliquez pour modifier les styles du texte du masque</a:t>
            </a:r>
          </a:p>
          <a:p>
            <a:pPr lvl="1"/>
            <a:endParaRPr lang="fr-CH"/>
          </a:p>
          <a:p>
            <a:pPr lvl="1"/>
            <a:endParaRPr lang="fr-CH"/>
          </a:p>
          <a:p>
            <a:pPr lvl="2"/>
            <a:endParaRPr lang="fr-CH"/>
          </a:p>
        </p:txBody>
      </p:sp>
      <p:sp>
        <p:nvSpPr>
          <p:cNvPr id="11" name="Espace réservé du numéro de diapositive 5"/>
          <p:cNvSpPr>
            <a:spLocks noGrp="1"/>
          </p:cNvSpPr>
          <p:nvPr>
            <p:ph type="sldNum" sz="quarter" idx="12"/>
          </p:nvPr>
        </p:nvSpPr>
        <p:spPr>
          <a:xfrm>
            <a:off x="14407938" y="10482094"/>
            <a:ext cx="4690957" cy="603862"/>
          </a:xfrm>
          <a:prstGeom prst="rect">
            <a:avLst/>
          </a:prstGeom>
        </p:spPr>
        <p:txBody>
          <a:bodyPr/>
          <a:lstStyle>
            <a:lvl1pPr algn="r">
              <a:defRPr sz="2638">
                <a:solidFill>
                  <a:srgbClr val="5A5A5A"/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fld id="{83DCF88C-AC39-5742-933A-9F64C41D075D}" type="slidenum">
              <a:rPr lang="fr-FR" smtClean="0"/>
              <a:pPr/>
              <a:t>‹#›</a:t>
            </a:fld>
            <a:endParaRPr lang="fr-FR"/>
          </a:p>
        </p:txBody>
      </p:sp>
      <p:sp>
        <p:nvSpPr>
          <p:cNvPr id="12" name="Espace réservé pour une image  2"/>
          <p:cNvSpPr>
            <a:spLocks noGrp="1"/>
          </p:cNvSpPr>
          <p:nvPr>
            <p:ph type="pic" idx="13"/>
          </p:nvPr>
        </p:nvSpPr>
        <p:spPr>
          <a:xfrm>
            <a:off x="11258761" y="2374666"/>
            <a:ext cx="7879741" cy="7915556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7036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1005200" indent="0">
              <a:buNone/>
              <a:defRPr sz="6156"/>
            </a:lvl2pPr>
            <a:lvl3pPr marL="2010400" indent="0">
              <a:buNone/>
              <a:defRPr sz="5277"/>
            </a:lvl3pPr>
            <a:lvl4pPr marL="3015600" indent="0">
              <a:buNone/>
              <a:defRPr sz="4397"/>
            </a:lvl4pPr>
            <a:lvl5pPr marL="4020800" indent="0">
              <a:buNone/>
              <a:defRPr sz="4397"/>
            </a:lvl5pPr>
            <a:lvl6pPr marL="5026000" indent="0">
              <a:buNone/>
              <a:defRPr sz="4397"/>
            </a:lvl6pPr>
            <a:lvl7pPr marL="6031200" indent="0">
              <a:buNone/>
              <a:defRPr sz="4397"/>
            </a:lvl7pPr>
            <a:lvl8pPr marL="7036399" indent="0">
              <a:buNone/>
              <a:defRPr sz="4397"/>
            </a:lvl8pPr>
            <a:lvl9pPr marL="8041599" indent="0">
              <a:buNone/>
              <a:defRPr sz="4397"/>
            </a:lvl9pPr>
          </a:lstStyle>
          <a:p>
            <a:endParaRPr lang="fr-FR"/>
          </a:p>
        </p:txBody>
      </p:sp>
      <p:sp>
        <p:nvSpPr>
          <p:cNvPr id="14" name="Rectangle 13"/>
          <p:cNvSpPr/>
          <p:nvPr userDrawn="1"/>
        </p:nvSpPr>
        <p:spPr>
          <a:xfrm>
            <a:off x="1251669" y="10459340"/>
            <a:ext cx="3658374" cy="39690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1979">
                <a:solidFill>
                  <a:srgbClr val="5A5A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© </a:t>
            </a:r>
            <a:r>
              <a:rPr lang="fr-CH" sz="1979">
                <a:solidFill>
                  <a:srgbClr val="5A5A5A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cole hôtelière de Lausanne</a:t>
            </a:r>
            <a:endParaRPr lang="fr-FR" sz="1979">
              <a:solidFill>
                <a:srgbClr val="5A5A5A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Espace réservé du texte 16"/>
          <p:cNvSpPr>
            <a:spLocks noGrp="1"/>
          </p:cNvSpPr>
          <p:nvPr>
            <p:ph type="body" sz="quarter" idx="15"/>
          </p:nvPr>
        </p:nvSpPr>
        <p:spPr>
          <a:xfrm>
            <a:off x="1161706" y="809119"/>
            <a:ext cx="16156113" cy="879616"/>
          </a:xfrm>
          <a:prstGeom prst="rect">
            <a:avLst/>
          </a:prstGeom>
        </p:spPr>
        <p:txBody>
          <a:bodyPr vert="horz"/>
          <a:lstStyle>
            <a:lvl1pPr>
              <a:lnSpc>
                <a:spcPct val="100000"/>
              </a:lnSpc>
              <a:buFontTx/>
              <a:buNone/>
              <a:defRPr lang="fr-FR" sz="5277" kern="1200" cap="all" dirty="0">
                <a:solidFill>
                  <a:srgbClr val="006272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marL="0" lvl="0" indent="0" algn="l" defTabSz="1005200" rtl="0" eaLnBrk="1" latinLnBrk="0" hangingPunct="1">
              <a:spcBef>
                <a:spcPct val="20000"/>
              </a:spcBef>
              <a:buFont typeface="Arial"/>
              <a:buNone/>
            </a:pPr>
            <a:r>
              <a:rPr lang="fr-CH"/>
              <a:t>Cliquez pour modifier</a:t>
            </a:r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7586202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rk page - 2 text columns">
    <p:bg>
      <p:bgPr>
        <a:solidFill>
          <a:srgbClr val="00143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1136650" y="1235075"/>
            <a:ext cx="17338675" cy="2185987"/>
          </a:xfrm>
        </p:spPr>
        <p:txBody>
          <a:bodyPr>
            <a:normAutofit/>
          </a:bodyPr>
          <a:lstStyle>
            <a:lvl1pPr>
              <a:defRPr sz="9600"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32970" y="10551219"/>
            <a:ext cx="1760464" cy="763786"/>
          </a:xfrm>
          <a:prstGeom prst="rect">
            <a:avLst/>
          </a:prstGeom>
        </p:spPr>
      </p:pic>
      <p:sp>
        <p:nvSpPr>
          <p:cNvPr id="4" name="Text Placeholder 3"/>
          <p:cNvSpPr>
            <a:spLocks noGrp="1"/>
          </p:cNvSpPr>
          <p:nvPr>
            <p:ph type="body" sz="quarter" idx="12"/>
          </p:nvPr>
        </p:nvSpPr>
        <p:spPr>
          <a:xfrm>
            <a:off x="1136650" y="3597275"/>
            <a:ext cx="8428648" cy="6400800"/>
          </a:xfrm>
          <a:prstGeom prst="rect">
            <a:avLst/>
          </a:prstGeom>
        </p:spPr>
        <p:txBody>
          <a:bodyPr/>
          <a:lstStyle>
            <a:lvl1pPr>
              <a:defRPr sz="2800">
                <a:solidFill>
                  <a:schemeClr val="bg1"/>
                </a:solidFill>
              </a:defRPr>
            </a:lvl1pPr>
            <a:lvl2pPr marL="742950" indent="-285750">
              <a:buFont typeface="Arial" panose="020B0604020202020204" pitchFamily="34" charset="0"/>
              <a:buChar char="•"/>
              <a:defRPr sz="2000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10052050" y="3597275"/>
            <a:ext cx="8428648" cy="6400800"/>
          </a:xfrm>
          <a:prstGeom prst="rect">
            <a:avLst/>
          </a:prstGeom>
        </p:spPr>
        <p:txBody>
          <a:bodyPr/>
          <a:lstStyle>
            <a:lvl1pPr>
              <a:defRPr sz="2800">
                <a:solidFill>
                  <a:schemeClr val="bg1"/>
                </a:solidFill>
              </a:defRPr>
            </a:lvl1pPr>
            <a:lvl2pPr marL="742950" indent="-285750">
              <a:buFont typeface="Arial" panose="020B0604020202020204" pitchFamily="34" charset="0"/>
              <a:buChar char="•"/>
              <a:defRPr sz="2000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2967798463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apositive de titr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Connecteur droit 10">
            <a:extLst>
              <a:ext uri="{FF2B5EF4-FFF2-40B4-BE49-F238E27FC236}">
                <a16:creationId xmlns:a16="http://schemas.microsoft.com/office/drawing/2014/main" id="{E25D4BFE-4B1B-4A89-8A2F-72E3C596B748}"/>
              </a:ext>
            </a:extLst>
          </p:cNvPr>
          <p:cNvCxnSpPr/>
          <p:nvPr userDrawn="1"/>
        </p:nvCxnSpPr>
        <p:spPr>
          <a:xfrm>
            <a:off x="0" y="7555274"/>
            <a:ext cx="20104100" cy="0"/>
          </a:xfrm>
          <a:prstGeom prst="line">
            <a:avLst/>
          </a:prstGeom>
          <a:ln w="63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2" name="Image 11">
            <a:extLst>
              <a:ext uri="{FF2B5EF4-FFF2-40B4-BE49-F238E27FC236}">
                <a16:creationId xmlns:a16="http://schemas.microsoft.com/office/drawing/2014/main" id="{2954B830-F9B7-4080-9043-F01D6D4AE52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011506" y="6517404"/>
            <a:ext cx="2081088" cy="2075741"/>
          </a:xfrm>
          <a:prstGeom prst="rect">
            <a:avLst/>
          </a:prstGeom>
        </p:spPr>
      </p:pic>
      <p:sp>
        <p:nvSpPr>
          <p:cNvPr id="2" name="Titre 1">
            <a:extLst>
              <a:ext uri="{FF2B5EF4-FFF2-40B4-BE49-F238E27FC236}">
                <a16:creationId xmlns:a16="http://schemas.microsoft.com/office/drawing/2014/main" id="{838050A2-E58C-4E5C-92CE-2195D925A32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6562" y="1871149"/>
            <a:ext cx="17810976" cy="3784706"/>
          </a:xfrm>
        </p:spPr>
        <p:txBody>
          <a:bodyPr lIns="0" tIns="0" rIns="0" anchor="ctr"/>
          <a:lstStyle>
            <a:lvl1pPr algn="ctr">
              <a:defRPr sz="9894"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6E8FB12A-7610-4869-98BD-BA595339545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6562" y="8280974"/>
            <a:ext cx="17810976" cy="2199016"/>
          </a:xfrm>
        </p:spPr>
        <p:txBody>
          <a:bodyPr anchor="ctr"/>
          <a:lstStyle>
            <a:lvl1pPr marL="0" indent="0" algn="ctr">
              <a:buNone/>
              <a:defRPr sz="3958">
                <a:solidFill>
                  <a:schemeClr val="accent2"/>
                </a:solidFill>
              </a:defRPr>
            </a:lvl1pPr>
            <a:lvl2pPr marL="753923" indent="0" algn="ctr">
              <a:buNone/>
              <a:defRPr sz="3298"/>
            </a:lvl2pPr>
            <a:lvl3pPr marL="1507846" indent="0" algn="ctr">
              <a:buNone/>
              <a:defRPr sz="2968"/>
            </a:lvl3pPr>
            <a:lvl4pPr marL="2261768" indent="0" algn="ctr">
              <a:buNone/>
              <a:defRPr sz="2638"/>
            </a:lvl4pPr>
            <a:lvl5pPr marL="3015691" indent="0" algn="ctr">
              <a:buNone/>
              <a:defRPr sz="2638"/>
            </a:lvl5pPr>
            <a:lvl6pPr marL="3769614" indent="0" algn="ctr">
              <a:buNone/>
              <a:defRPr sz="2638"/>
            </a:lvl6pPr>
            <a:lvl7pPr marL="4523537" indent="0" algn="ctr">
              <a:buNone/>
              <a:defRPr sz="2638"/>
            </a:lvl7pPr>
            <a:lvl8pPr marL="5277460" indent="0" algn="ctr">
              <a:buNone/>
              <a:defRPr sz="2638"/>
            </a:lvl8pPr>
            <a:lvl9pPr marL="6031382" indent="0" algn="ctr">
              <a:buNone/>
              <a:defRPr sz="2638"/>
            </a:lvl9pPr>
          </a:lstStyle>
          <a:p>
            <a:r>
              <a:rPr lang="en-US"/>
              <a:t>Click to edit Master subtitle style</a:t>
            </a:r>
            <a:endParaRPr lang="fr-CH"/>
          </a:p>
        </p:txBody>
      </p:sp>
      <p:sp>
        <p:nvSpPr>
          <p:cNvPr id="19" name="Espace réservé de la date 2">
            <a:extLst>
              <a:ext uri="{FF2B5EF4-FFF2-40B4-BE49-F238E27FC236}">
                <a16:creationId xmlns:a16="http://schemas.microsoft.com/office/drawing/2014/main" id="{6F8F1974-29A4-4854-A28C-776D38CB91AD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46562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6"/>
                </a:solidFill>
              </a:defRPr>
            </a:lvl1pPr>
          </a:lstStyle>
          <a:p>
            <a:fld id="{F58C4455-DE7A-4744-8EDA-8D94404498DB}" type="datetime1">
              <a:rPr lang="fr-CH" smtClean="0"/>
              <a:t>10.12.2024</a:t>
            </a:fld>
            <a:endParaRPr lang="fr-CH"/>
          </a:p>
        </p:txBody>
      </p:sp>
      <p:sp>
        <p:nvSpPr>
          <p:cNvPr id="20" name="Espace réservé du pied de page 3">
            <a:extLst>
              <a:ext uri="{FF2B5EF4-FFF2-40B4-BE49-F238E27FC236}">
                <a16:creationId xmlns:a16="http://schemas.microsoft.com/office/drawing/2014/main" id="{D5AA5D08-FC74-4CEE-BAF1-E466419F094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5896675" y="10882251"/>
            <a:ext cx="83107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lang="fr-CH" sz="1319">
                <a:solidFill>
                  <a:schemeClr val="accent6"/>
                </a:solidFill>
              </a:defRPr>
            </a:lvl1pPr>
          </a:lstStyle>
          <a:p>
            <a:endParaRPr lang="fr-CH"/>
          </a:p>
        </p:txBody>
      </p:sp>
      <p:sp>
        <p:nvSpPr>
          <p:cNvPr id="21" name="Espace réservé du numéro de diapositive 4">
            <a:extLst>
              <a:ext uri="{FF2B5EF4-FFF2-40B4-BE49-F238E27FC236}">
                <a16:creationId xmlns:a16="http://schemas.microsoft.com/office/drawing/2014/main" id="{B200D2A2-5071-413B-BBFA-DAE70373C8D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6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72192931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886">
          <p15:clr>
            <a:srgbClr val="FBAE40"/>
          </p15:clr>
        </p15:guide>
      </p15:sldGuideLst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CEDE6595-0993-4DB8-9BFD-5A186183E98C}"/>
              </a:ext>
            </a:extLst>
          </p:cNvPr>
          <p:cNvSpPr/>
          <p:nvPr userDrawn="1"/>
        </p:nvSpPr>
        <p:spPr>
          <a:xfrm>
            <a:off x="0" y="0"/>
            <a:ext cx="10052050" cy="1130935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50781" tIns="75390" rIns="150781" bIns="753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CH" sz="2968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A8EB2416-83F1-41E7-9EEE-EBD290BA2C8F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7176661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87B450BA-3FF4-4863-BD97-19C556C08959}" type="datetime1">
              <a:rPr lang="fr-CH" smtClean="0"/>
              <a:t>10.12.2024</a:t>
            </a:fld>
            <a:endParaRPr lang="fr-CH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92289A46-28DF-4130-824A-AC16CA155D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146563" y="10882251"/>
            <a:ext cx="7165299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fr-CH" sz="1319">
                <a:solidFill>
                  <a:schemeClr val="accent6"/>
                </a:solidFill>
              </a:defRPr>
            </a:lvl1pPr>
          </a:lstStyle>
          <a:p>
            <a:endParaRPr lang="fr-CH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91D35BE0-A3C3-4154-B5E0-E8C9838532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sp>
        <p:nvSpPr>
          <p:cNvPr id="10" name="Espace réservé du texte 9">
            <a:extLst>
              <a:ext uri="{FF2B5EF4-FFF2-40B4-BE49-F238E27FC236}">
                <a16:creationId xmlns:a16="http://schemas.microsoft.com/office/drawing/2014/main" id="{A9D90BEC-E8FA-4A3C-8068-7A87CC7A9091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11198613" y="2218673"/>
            <a:ext cx="7758924" cy="7796718"/>
          </a:xfrm>
        </p:spPr>
        <p:txBody>
          <a:bodyPr/>
          <a:lstStyle>
            <a:lvl1pPr marL="376961" indent="-376961">
              <a:buClr>
                <a:schemeClr val="accent2"/>
              </a:buClr>
              <a:defRPr sz="3958"/>
            </a:lvl1pPr>
            <a:lvl2pPr marL="732981" indent="-376961">
              <a:buClr>
                <a:schemeClr val="accent2"/>
              </a:buClr>
              <a:defRPr sz="3298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cxnSp>
        <p:nvCxnSpPr>
          <p:cNvPr id="13" name="Connecteur droit 12">
            <a:extLst>
              <a:ext uri="{FF2B5EF4-FFF2-40B4-BE49-F238E27FC236}">
                <a16:creationId xmlns:a16="http://schemas.microsoft.com/office/drawing/2014/main" id="{517346A8-2E6D-4908-AFC5-9755EE381206}"/>
              </a:ext>
            </a:extLst>
          </p:cNvPr>
          <p:cNvCxnSpPr>
            <a:cxnSpLocks/>
          </p:cNvCxnSpPr>
          <p:nvPr userDrawn="1"/>
        </p:nvCxnSpPr>
        <p:spPr>
          <a:xfrm>
            <a:off x="1146562" y="1861330"/>
            <a:ext cx="17810976" cy="0"/>
          </a:xfrm>
          <a:prstGeom prst="line">
            <a:avLst/>
          </a:prstGeom>
          <a:ln w="63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itre 14">
            <a:extLst>
              <a:ext uri="{FF2B5EF4-FFF2-40B4-BE49-F238E27FC236}">
                <a16:creationId xmlns:a16="http://schemas.microsoft.com/office/drawing/2014/main" id="{8C71B693-80B1-40E0-8AAF-959DA14E1A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146563" y="1032654"/>
            <a:ext cx="8905488" cy="614275"/>
          </a:xfrm>
          <a:noFill/>
        </p:spPr>
        <p:txBody>
          <a:bodyPr wrap="square" lIns="0" tIns="0" rIns="0" bIns="0" rtlCol="0">
            <a:normAutofit/>
          </a:bodyPr>
          <a:lstStyle>
            <a:lvl1pPr>
              <a:defRPr lang="fr-CH" sz="3958">
                <a:solidFill>
                  <a:schemeClr val="accent2"/>
                </a:solidFill>
                <a:ea typeface="+mn-ea"/>
                <a:cs typeface="+mn-cs"/>
              </a:defRPr>
            </a:lvl1pPr>
          </a:lstStyle>
          <a:p>
            <a:pPr marL="0" lvl="0"/>
            <a:r>
              <a:rPr lang="fr-FR"/>
              <a:t>Type « Agenda » or « Key Points »</a:t>
            </a:r>
            <a:endParaRPr lang="fr-CH"/>
          </a:p>
        </p:txBody>
      </p:sp>
      <p:cxnSp>
        <p:nvCxnSpPr>
          <p:cNvPr id="16" name="Connecteur droit 15">
            <a:extLst>
              <a:ext uri="{FF2B5EF4-FFF2-40B4-BE49-F238E27FC236}">
                <a16:creationId xmlns:a16="http://schemas.microsoft.com/office/drawing/2014/main" id="{3A1F7341-98EF-4455-8B2F-BC3724983096}"/>
              </a:ext>
            </a:extLst>
          </p:cNvPr>
          <p:cNvCxnSpPr>
            <a:cxnSpLocks/>
          </p:cNvCxnSpPr>
          <p:nvPr userDrawn="1"/>
        </p:nvCxnSpPr>
        <p:spPr>
          <a:xfrm>
            <a:off x="1146562" y="10791005"/>
            <a:ext cx="17810976" cy="0"/>
          </a:xfrm>
          <a:prstGeom prst="line">
            <a:avLst/>
          </a:prstGeom>
          <a:ln w="63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Image 6">
            <a:extLst>
              <a:ext uri="{FF2B5EF4-FFF2-40B4-BE49-F238E27FC236}">
                <a16:creationId xmlns:a16="http://schemas.microsoft.com/office/drawing/2014/main" id="{D65C171D-0F36-4260-B04E-FA2FFF7B38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33741" y="10274027"/>
            <a:ext cx="1036618" cy="1033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928476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45">
          <p15:clr>
            <a:srgbClr val="FBAE40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 head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Espace réservé pour une image  18">
            <a:extLst>
              <a:ext uri="{FF2B5EF4-FFF2-40B4-BE49-F238E27FC236}">
                <a16:creationId xmlns:a16="http://schemas.microsoft.com/office/drawing/2014/main" id="{5153DA8E-1A7A-4780-8866-2D155B632502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0" y="1"/>
            <a:ext cx="20104100" cy="7555274"/>
          </a:xfrm>
          <a:custGeom>
            <a:avLst/>
            <a:gdLst>
              <a:gd name="connsiteX0" fmla="*/ 0 w 12192000"/>
              <a:gd name="connsiteY0" fmla="*/ 0 h 4581525"/>
              <a:gd name="connsiteX1" fmla="*/ 12192000 w 12192000"/>
              <a:gd name="connsiteY1" fmla="*/ 0 h 4581525"/>
              <a:gd name="connsiteX2" fmla="*/ 12192000 w 12192000"/>
              <a:gd name="connsiteY2" fmla="*/ 4581525 h 4581525"/>
              <a:gd name="connsiteX3" fmla="*/ 6320097 w 12192000"/>
              <a:gd name="connsiteY3" fmla="*/ 4581525 h 4581525"/>
              <a:gd name="connsiteX4" fmla="*/ 6320100 w 12192000"/>
              <a:gd name="connsiteY4" fmla="*/ 4581507 h 4581525"/>
              <a:gd name="connsiteX5" fmla="*/ 6096000 w 12192000"/>
              <a:gd name="connsiteY5" fmla="*/ 4357407 h 4581525"/>
              <a:gd name="connsiteX6" fmla="*/ 5871900 w 12192000"/>
              <a:gd name="connsiteY6" fmla="*/ 4581507 h 4581525"/>
              <a:gd name="connsiteX7" fmla="*/ 5871904 w 12192000"/>
              <a:gd name="connsiteY7" fmla="*/ 4581525 h 4581525"/>
              <a:gd name="connsiteX8" fmla="*/ 0 w 12192000"/>
              <a:gd name="connsiteY8" fmla="*/ 4581525 h 458152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12192000" h="4581525">
                <a:moveTo>
                  <a:pt x="0" y="0"/>
                </a:moveTo>
                <a:lnTo>
                  <a:pt x="12192000" y="0"/>
                </a:lnTo>
                <a:lnTo>
                  <a:pt x="12192000" y="4581525"/>
                </a:lnTo>
                <a:lnTo>
                  <a:pt x="6320097" y="4581525"/>
                </a:lnTo>
                <a:lnTo>
                  <a:pt x="6320100" y="4581507"/>
                </a:lnTo>
                <a:cubicBezTo>
                  <a:pt x="6320100" y="4457740"/>
                  <a:pt x="6219767" y="4357407"/>
                  <a:pt x="6096000" y="4357407"/>
                </a:cubicBezTo>
                <a:cubicBezTo>
                  <a:pt x="5972233" y="4357407"/>
                  <a:pt x="5871900" y="4457740"/>
                  <a:pt x="5871900" y="4581507"/>
                </a:cubicBezTo>
                <a:lnTo>
                  <a:pt x="5871904" y="4581525"/>
                </a:lnTo>
                <a:lnTo>
                  <a:pt x="0" y="4581525"/>
                </a:lnTo>
                <a:close/>
              </a:path>
            </a:pathLst>
          </a:custGeom>
          <a:noFill/>
        </p:spPr>
        <p:txBody>
          <a:bodyPr wrap="square" tIns="360000">
            <a:noAutofit/>
          </a:bodyPr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fr-CH"/>
          </a:p>
        </p:txBody>
      </p:sp>
      <p:sp>
        <p:nvSpPr>
          <p:cNvPr id="23" name="étoile">
            <a:extLst>
              <a:ext uri="{FF2B5EF4-FFF2-40B4-BE49-F238E27FC236}">
                <a16:creationId xmlns:a16="http://schemas.microsoft.com/office/drawing/2014/main" id="{14141B11-7471-4655-B940-A725735ECDB6}"/>
              </a:ext>
            </a:extLst>
          </p:cNvPr>
          <p:cNvSpPr/>
          <p:nvPr userDrawn="1"/>
        </p:nvSpPr>
        <p:spPr>
          <a:xfrm>
            <a:off x="3483871" y="1022563"/>
            <a:ext cx="13156732" cy="10286789"/>
          </a:xfrm>
          <a:prstGeom prst="rect">
            <a:avLst/>
          </a:prstGeom>
          <a:blipFill>
            <a:blip r:embed="rId2" cstate="print"/>
            <a:stretch>
              <a:fillRect t="-1" b="-27066"/>
            </a:stretch>
          </a:blipFill>
        </p:spPr>
        <p:txBody>
          <a:bodyPr wrap="square" lIns="0" tIns="0" rIns="0" bIns="0" rtlCol="0"/>
          <a:lstStyle/>
          <a:p>
            <a:endParaRPr sz="2968"/>
          </a:p>
        </p:txBody>
      </p:sp>
      <p:sp>
        <p:nvSpPr>
          <p:cNvPr id="8" name="Bleu">
            <a:extLst>
              <a:ext uri="{FF2B5EF4-FFF2-40B4-BE49-F238E27FC236}">
                <a16:creationId xmlns:a16="http://schemas.microsoft.com/office/drawing/2014/main" id="{454FFFC5-E99D-431D-A5A9-0F6F833D3954}"/>
              </a:ext>
            </a:extLst>
          </p:cNvPr>
          <p:cNvSpPr/>
          <p:nvPr userDrawn="1"/>
        </p:nvSpPr>
        <p:spPr>
          <a:xfrm>
            <a:off x="0" y="7555275"/>
            <a:ext cx="20104100" cy="3754076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50781" tIns="75390" rIns="150781" bIns="753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CH" sz="2968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A1D4AD5D-C4DD-41F8-923F-AB903441E1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46562" y="8002190"/>
            <a:ext cx="17810976" cy="1920032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FFEE95AB-2896-4DA6-AD4F-30BD456310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C55924AD-5D2A-46A7-BBAF-44E31D2FA0A5}" type="datetime1">
              <a:rPr lang="fr-CH" smtClean="0"/>
              <a:t>10.12.2024</a:t>
            </a:fld>
            <a:endParaRPr lang="fr-CH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50A03A7F-C9F5-40E5-936A-7F61D67AAD2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fr-CH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095E72F7-C29E-46C0-821C-FB93898BF31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cxnSp>
        <p:nvCxnSpPr>
          <p:cNvPr id="6" name="Connecteur droit 5">
            <a:extLst>
              <a:ext uri="{FF2B5EF4-FFF2-40B4-BE49-F238E27FC236}">
                <a16:creationId xmlns:a16="http://schemas.microsoft.com/office/drawing/2014/main" id="{48067410-231A-4106-9345-F59F3B75EC52}"/>
              </a:ext>
            </a:extLst>
          </p:cNvPr>
          <p:cNvCxnSpPr/>
          <p:nvPr userDrawn="1"/>
        </p:nvCxnSpPr>
        <p:spPr>
          <a:xfrm>
            <a:off x="0" y="7555244"/>
            <a:ext cx="20104100" cy="0"/>
          </a:xfrm>
          <a:prstGeom prst="line">
            <a:avLst/>
          </a:prstGeom>
          <a:ln w="63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Image 12">
            <a:extLst>
              <a:ext uri="{FF2B5EF4-FFF2-40B4-BE49-F238E27FC236}">
                <a16:creationId xmlns:a16="http://schemas.microsoft.com/office/drawing/2014/main" id="{00F482EC-3821-49B1-A158-0890B0F9F2F1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32628" y="7037157"/>
            <a:ext cx="1038844" cy="1036174"/>
          </a:xfrm>
          <a:prstGeom prst="rect">
            <a:avLst/>
          </a:prstGeom>
        </p:spPr>
      </p:pic>
      <p:sp>
        <p:nvSpPr>
          <p:cNvPr id="11" name="Espace réservé du texte 8">
            <a:extLst>
              <a:ext uri="{FF2B5EF4-FFF2-40B4-BE49-F238E27FC236}">
                <a16:creationId xmlns:a16="http://schemas.microsoft.com/office/drawing/2014/main" id="{82BFA572-1960-4F2F-B2D5-72C6522075E7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579674" y="9934631"/>
            <a:ext cx="8944753" cy="456792"/>
          </a:xfrm>
        </p:spPr>
        <p:txBody>
          <a:bodyPr anchor="ctr" anchorCtr="0">
            <a:spAutoFit/>
          </a:bodyPr>
          <a:lstStyle>
            <a:lvl1pPr marL="0" indent="0" algn="ctr">
              <a:buNone/>
              <a:defRPr sz="3298">
                <a:solidFill>
                  <a:schemeClr val="accent2"/>
                </a:solidFill>
              </a:defRPr>
            </a:lvl1pPr>
            <a:lvl2pPr marL="753923" indent="0">
              <a:buNone/>
              <a:defRPr>
                <a:solidFill>
                  <a:schemeClr val="accent2"/>
                </a:solidFill>
              </a:defRPr>
            </a:lvl2pPr>
            <a:lvl3pPr marL="1507846" indent="0">
              <a:buNone/>
              <a:defRPr>
                <a:solidFill>
                  <a:schemeClr val="accent2"/>
                </a:solidFill>
              </a:defRPr>
            </a:lvl3pPr>
            <a:lvl4pPr marL="2261768" indent="0">
              <a:buNone/>
              <a:defRPr>
                <a:solidFill>
                  <a:schemeClr val="accent2"/>
                </a:solidFill>
              </a:defRPr>
            </a:lvl4pPr>
            <a:lvl5pPr marL="3015691" indent="0">
              <a:buNone/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fr-FR"/>
              <a:t>Click to insert </a:t>
            </a:r>
            <a:r>
              <a:rPr lang="fr-FR" err="1"/>
              <a:t>sub-title</a:t>
            </a:r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25261245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" dur="2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3" grpId="0" animBg="1"/>
    </p:bldLst>
  </p:timing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4B93E3A-35D0-4CFD-9ABD-BA13CC0D84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46563" y="392710"/>
            <a:ext cx="17810974" cy="1819422"/>
          </a:xfrm>
        </p:spPr>
        <p:txBody>
          <a:bodyPr>
            <a:normAutofit/>
          </a:bodyPr>
          <a:lstStyle>
            <a:lvl1pPr algn="ctr">
              <a:defRPr sz="6596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cxnSp>
        <p:nvCxnSpPr>
          <p:cNvPr id="6" name="Connecteur droit 5">
            <a:extLst>
              <a:ext uri="{FF2B5EF4-FFF2-40B4-BE49-F238E27FC236}">
                <a16:creationId xmlns:a16="http://schemas.microsoft.com/office/drawing/2014/main" id="{2E5E9FC3-E194-462C-B646-2B4A25C9AEC0}"/>
              </a:ext>
            </a:extLst>
          </p:cNvPr>
          <p:cNvCxnSpPr>
            <a:cxnSpLocks/>
          </p:cNvCxnSpPr>
          <p:nvPr userDrawn="1"/>
        </p:nvCxnSpPr>
        <p:spPr>
          <a:xfrm>
            <a:off x="1146562" y="10791005"/>
            <a:ext cx="17810976" cy="0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Image 6">
            <a:extLst>
              <a:ext uri="{FF2B5EF4-FFF2-40B4-BE49-F238E27FC236}">
                <a16:creationId xmlns:a16="http://schemas.microsoft.com/office/drawing/2014/main" id="{FC7D1202-FF1A-46F8-BBFA-3A98B99A1B4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33741" y="10274027"/>
            <a:ext cx="1036618" cy="1033955"/>
          </a:xfrm>
          <a:prstGeom prst="rect">
            <a:avLst/>
          </a:prstGeom>
        </p:spPr>
      </p:pic>
      <p:sp>
        <p:nvSpPr>
          <p:cNvPr id="8" name="Espace réservé de la date 2">
            <a:extLst>
              <a:ext uri="{FF2B5EF4-FFF2-40B4-BE49-F238E27FC236}">
                <a16:creationId xmlns:a16="http://schemas.microsoft.com/office/drawing/2014/main" id="{F5102FF0-05D9-4E42-87AA-57FA97D6D2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7176661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8C30E71B-DEF9-467C-950D-43CAA383E703}" type="datetime1">
              <a:rPr lang="fr-CH" smtClean="0"/>
              <a:t>10.12.2024</a:t>
            </a:fld>
            <a:endParaRPr lang="fr-CH"/>
          </a:p>
        </p:txBody>
      </p:sp>
      <p:sp>
        <p:nvSpPr>
          <p:cNvPr id="9" name="Espace réservé du pied de page 3">
            <a:extLst>
              <a:ext uri="{FF2B5EF4-FFF2-40B4-BE49-F238E27FC236}">
                <a16:creationId xmlns:a16="http://schemas.microsoft.com/office/drawing/2014/main" id="{F54EDBA6-8C19-4958-B2E7-26BB1128A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146563" y="10882251"/>
            <a:ext cx="7165299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fr-CH" sz="1319">
                <a:solidFill>
                  <a:schemeClr val="accent1"/>
                </a:solidFill>
              </a:defRPr>
            </a:lvl1pPr>
          </a:lstStyle>
          <a:p>
            <a:endParaRPr lang="fr-CH"/>
          </a:p>
        </p:txBody>
      </p:sp>
      <p:sp>
        <p:nvSpPr>
          <p:cNvPr id="10" name="Espace réservé du numéro de diapositive 4">
            <a:extLst>
              <a:ext uri="{FF2B5EF4-FFF2-40B4-BE49-F238E27FC236}">
                <a16:creationId xmlns:a16="http://schemas.microsoft.com/office/drawing/2014/main" id="{D848F651-5FE7-4E2F-AA3C-28D70249B3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cxnSp>
        <p:nvCxnSpPr>
          <p:cNvPr id="11" name="Connecteur droit 10">
            <a:extLst>
              <a:ext uri="{FF2B5EF4-FFF2-40B4-BE49-F238E27FC236}">
                <a16:creationId xmlns:a16="http://schemas.microsoft.com/office/drawing/2014/main" id="{07465FC6-283F-4745-9231-90E977F59C96}"/>
              </a:ext>
            </a:extLst>
          </p:cNvPr>
          <p:cNvCxnSpPr>
            <a:cxnSpLocks/>
          </p:cNvCxnSpPr>
          <p:nvPr userDrawn="1"/>
        </p:nvCxnSpPr>
        <p:spPr>
          <a:xfrm>
            <a:off x="7083925" y="2227838"/>
            <a:ext cx="5936250" cy="0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393765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94">
          <p15:clr>
            <a:srgbClr val="FBAE40"/>
          </p15:clr>
        </p15:guide>
        <p15:guide id="2" orient="horz" pos="3884">
          <p15:clr>
            <a:srgbClr val="FBAE40"/>
          </p15:clr>
        </p15:guide>
      </p15:sldGuideLst>
    </p:ext>
  </p:extLs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with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4B93E3A-35D0-4CFD-9ABD-BA13CC0D84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46562" y="392710"/>
            <a:ext cx="17810976" cy="1819422"/>
          </a:xfrm>
        </p:spPr>
        <p:txBody>
          <a:bodyPr>
            <a:normAutofit/>
          </a:bodyPr>
          <a:lstStyle>
            <a:lvl1pPr algn="ctr">
              <a:defRPr sz="6596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cxnSp>
        <p:nvCxnSpPr>
          <p:cNvPr id="6" name="Connecteur droit 5">
            <a:extLst>
              <a:ext uri="{FF2B5EF4-FFF2-40B4-BE49-F238E27FC236}">
                <a16:creationId xmlns:a16="http://schemas.microsoft.com/office/drawing/2014/main" id="{2E5E9FC3-E194-462C-B646-2B4A25C9AEC0}"/>
              </a:ext>
            </a:extLst>
          </p:cNvPr>
          <p:cNvCxnSpPr>
            <a:cxnSpLocks/>
          </p:cNvCxnSpPr>
          <p:nvPr userDrawn="1"/>
        </p:nvCxnSpPr>
        <p:spPr>
          <a:xfrm>
            <a:off x="1146562" y="10791005"/>
            <a:ext cx="17810976" cy="0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Espace réservé de la date 2">
            <a:extLst>
              <a:ext uri="{FF2B5EF4-FFF2-40B4-BE49-F238E27FC236}">
                <a16:creationId xmlns:a16="http://schemas.microsoft.com/office/drawing/2014/main" id="{F5102FF0-05D9-4E42-87AA-57FA97D6D2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7176661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5A565F5C-7DCD-4359-8694-65842E8B9872}" type="datetime1">
              <a:rPr lang="fr-CH" smtClean="0"/>
              <a:t>10.12.2024</a:t>
            </a:fld>
            <a:endParaRPr lang="fr-CH"/>
          </a:p>
        </p:txBody>
      </p:sp>
      <p:sp>
        <p:nvSpPr>
          <p:cNvPr id="9" name="Espace réservé du pied de page 3">
            <a:extLst>
              <a:ext uri="{FF2B5EF4-FFF2-40B4-BE49-F238E27FC236}">
                <a16:creationId xmlns:a16="http://schemas.microsoft.com/office/drawing/2014/main" id="{F54EDBA6-8C19-4958-B2E7-26BB1128A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146563" y="10882251"/>
            <a:ext cx="7165299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fr-CH" sz="1319">
                <a:solidFill>
                  <a:schemeClr val="accent1"/>
                </a:solidFill>
              </a:defRPr>
            </a:lvl1pPr>
          </a:lstStyle>
          <a:p>
            <a:endParaRPr lang="fr-CH"/>
          </a:p>
        </p:txBody>
      </p:sp>
      <p:sp>
        <p:nvSpPr>
          <p:cNvPr id="10" name="Espace réservé du numéro de diapositive 4">
            <a:extLst>
              <a:ext uri="{FF2B5EF4-FFF2-40B4-BE49-F238E27FC236}">
                <a16:creationId xmlns:a16="http://schemas.microsoft.com/office/drawing/2014/main" id="{D848F651-5FE7-4E2F-AA3C-28D70249B3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cxnSp>
        <p:nvCxnSpPr>
          <p:cNvPr id="11" name="Connecteur droit 10">
            <a:extLst>
              <a:ext uri="{FF2B5EF4-FFF2-40B4-BE49-F238E27FC236}">
                <a16:creationId xmlns:a16="http://schemas.microsoft.com/office/drawing/2014/main" id="{07465FC6-283F-4745-9231-90E977F59C96}"/>
              </a:ext>
            </a:extLst>
          </p:cNvPr>
          <p:cNvCxnSpPr>
            <a:cxnSpLocks/>
          </p:cNvCxnSpPr>
          <p:nvPr userDrawn="1"/>
        </p:nvCxnSpPr>
        <p:spPr>
          <a:xfrm>
            <a:off x="7083925" y="2227838"/>
            <a:ext cx="5936250" cy="0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Espace réservé du contenu 4">
            <a:extLst>
              <a:ext uri="{FF2B5EF4-FFF2-40B4-BE49-F238E27FC236}">
                <a16:creationId xmlns:a16="http://schemas.microsoft.com/office/drawing/2014/main" id="{AA7F2122-6A07-4046-BE5C-2ACA854DBE53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146562" y="2863989"/>
            <a:ext cx="17810976" cy="7317046"/>
          </a:xfrm>
        </p:spPr>
        <p:txBody>
          <a:bodyPr/>
          <a:lstStyle>
            <a:lvl1pPr>
              <a:buClr>
                <a:schemeClr val="accent2"/>
              </a:buClr>
              <a:defRPr/>
            </a:lvl1pPr>
            <a:lvl2pPr>
              <a:buClr>
                <a:schemeClr val="accent2"/>
              </a:buClr>
              <a:defRPr/>
            </a:lvl2pPr>
            <a:lvl3pPr>
              <a:buClr>
                <a:schemeClr val="accent2"/>
              </a:buClr>
              <a:defRPr/>
            </a:lvl3pPr>
            <a:lvl4pPr>
              <a:buClr>
                <a:schemeClr val="accent2"/>
              </a:buClr>
              <a:defRPr/>
            </a:lvl4pPr>
            <a:lvl5pPr>
              <a:buClr>
                <a:schemeClr val="accent2"/>
              </a:buClr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CH"/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485B5E43-4668-4706-BB3C-8B28150016B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33741" y="10274027"/>
            <a:ext cx="1036618" cy="1033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65362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orient="horz" pos="1094">
          <p15:clr>
            <a:srgbClr val="FBAE40"/>
          </p15:clr>
        </p15:guide>
        <p15:guide id="3" orient="horz" pos="3884">
          <p15:clr>
            <a:srgbClr val="FBAE40"/>
          </p15:clr>
        </p15:guide>
      </p15:sldGuideLst>
    </p:ext>
  </p:extLs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 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Connecteur droit 5">
            <a:extLst>
              <a:ext uri="{FF2B5EF4-FFF2-40B4-BE49-F238E27FC236}">
                <a16:creationId xmlns:a16="http://schemas.microsoft.com/office/drawing/2014/main" id="{2E5E9FC3-E194-462C-B646-2B4A25C9AEC0}"/>
              </a:ext>
            </a:extLst>
          </p:cNvPr>
          <p:cNvCxnSpPr>
            <a:cxnSpLocks/>
          </p:cNvCxnSpPr>
          <p:nvPr userDrawn="1"/>
        </p:nvCxnSpPr>
        <p:spPr>
          <a:xfrm>
            <a:off x="1146562" y="10791005"/>
            <a:ext cx="17810976" cy="0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Espace réservé de la date 2">
            <a:extLst>
              <a:ext uri="{FF2B5EF4-FFF2-40B4-BE49-F238E27FC236}">
                <a16:creationId xmlns:a16="http://schemas.microsoft.com/office/drawing/2014/main" id="{F5102FF0-05D9-4E42-87AA-57FA97D6D2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7176661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46705027-4D97-4766-BCB4-6997AB179374}" type="datetime1">
              <a:rPr lang="fr-CH" smtClean="0"/>
              <a:t>10.12.2024</a:t>
            </a:fld>
            <a:endParaRPr lang="fr-CH"/>
          </a:p>
        </p:txBody>
      </p:sp>
      <p:sp>
        <p:nvSpPr>
          <p:cNvPr id="9" name="Espace réservé du pied de page 3">
            <a:extLst>
              <a:ext uri="{FF2B5EF4-FFF2-40B4-BE49-F238E27FC236}">
                <a16:creationId xmlns:a16="http://schemas.microsoft.com/office/drawing/2014/main" id="{F54EDBA6-8C19-4958-B2E7-26BB1128A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146563" y="10882251"/>
            <a:ext cx="7165299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fr-CH" sz="1319">
                <a:solidFill>
                  <a:schemeClr val="accent1"/>
                </a:solidFill>
              </a:defRPr>
            </a:lvl1pPr>
          </a:lstStyle>
          <a:p>
            <a:endParaRPr lang="fr-CH"/>
          </a:p>
        </p:txBody>
      </p:sp>
      <p:sp>
        <p:nvSpPr>
          <p:cNvPr id="10" name="Espace réservé du numéro de diapositive 4">
            <a:extLst>
              <a:ext uri="{FF2B5EF4-FFF2-40B4-BE49-F238E27FC236}">
                <a16:creationId xmlns:a16="http://schemas.microsoft.com/office/drawing/2014/main" id="{D848F651-5FE7-4E2F-AA3C-28D70249B3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pic>
        <p:nvPicPr>
          <p:cNvPr id="11" name="Image 10">
            <a:extLst>
              <a:ext uri="{FF2B5EF4-FFF2-40B4-BE49-F238E27FC236}">
                <a16:creationId xmlns:a16="http://schemas.microsoft.com/office/drawing/2014/main" id="{3AC12345-084A-4948-B7DE-7A99940715C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33741" y="10274027"/>
            <a:ext cx="1036618" cy="1033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28858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94">
          <p15:clr>
            <a:srgbClr val="FBAE40"/>
          </p15:clr>
        </p15:guide>
        <p15:guide id="2" orient="horz" pos="3884">
          <p15:clr>
            <a:srgbClr val="FBAE40"/>
          </p15:clr>
        </p15:guide>
      </p15:sldGuideLst>
    </p:ext>
  </p:extLs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ark bl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F4B93E3A-35D0-4CFD-9ABD-BA13CC0D845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46562" y="392710"/>
            <a:ext cx="17810976" cy="1819422"/>
          </a:xfrm>
        </p:spPr>
        <p:txBody>
          <a:bodyPr>
            <a:normAutofit/>
          </a:bodyPr>
          <a:lstStyle>
            <a:lvl1pPr algn="ctr">
              <a:defRPr sz="6596">
                <a:solidFill>
                  <a:schemeClr val="accent2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cxnSp>
        <p:nvCxnSpPr>
          <p:cNvPr id="6" name="Connecteur droit 5">
            <a:extLst>
              <a:ext uri="{FF2B5EF4-FFF2-40B4-BE49-F238E27FC236}">
                <a16:creationId xmlns:a16="http://schemas.microsoft.com/office/drawing/2014/main" id="{2E5E9FC3-E194-462C-B646-2B4A25C9AEC0}"/>
              </a:ext>
            </a:extLst>
          </p:cNvPr>
          <p:cNvCxnSpPr>
            <a:cxnSpLocks/>
          </p:cNvCxnSpPr>
          <p:nvPr userDrawn="1"/>
        </p:nvCxnSpPr>
        <p:spPr>
          <a:xfrm>
            <a:off x="1146562" y="10791005"/>
            <a:ext cx="17810976" cy="0"/>
          </a:xfrm>
          <a:prstGeom prst="line">
            <a:avLst/>
          </a:prstGeom>
          <a:ln w="63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Espace réservé de la date 2">
            <a:extLst>
              <a:ext uri="{FF2B5EF4-FFF2-40B4-BE49-F238E27FC236}">
                <a16:creationId xmlns:a16="http://schemas.microsoft.com/office/drawing/2014/main" id="{F5102FF0-05D9-4E42-87AA-57FA97D6D24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7176661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6"/>
                </a:solidFill>
              </a:defRPr>
            </a:lvl1pPr>
          </a:lstStyle>
          <a:p>
            <a:fld id="{7F3A25F4-5BF6-44EF-BAEF-FB6E2BBA9B7F}" type="datetime1">
              <a:rPr lang="fr-CH" smtClean="0"/>
              <a:t>10.12.2024</a:t>
            </a:fld>
            <a:endParaRPr lang="fr-CH"/>
          </a:p>
        </p:txBody>
      </p:sp>
      <p:sp>
        <p:nvSpPr>
          <p:cNvPr id="9" name="Espace réservé du pied de page 3">
            <a:extLst>
              <a:ext uri="{FF2B5EF4-FFF2-40B4-BE49-F238E27FC236}">
                <a16:creationId xmlns:a16="http://schemas.microsoft.com/office/drawing/2014/main" id="{F54EDBA6-8C19-4958-B2E7-26BB1128A3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146563" y="10882251"/>
            <a:ext cx="7165299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fr-CH" sz="1319">
                <a:solidFill>
                  <a:schemeClr val="accent6"/>
                </a:solidFill>
              </a:defRPr>
            </a:lvl1pPr>
          </a:lstStyle>
          <a:p>
            <a:endParaRPr lang="fr-CH"/>
          </a:p>
        </p:txBody>
      </p:sp>
      <p:sp>
        <p:nvSpPr>
          <p:cNvPr id="10" name="Espace réservé du numéro de diapositive 4">
            <a:extLst>
              <a:ext uri="{FF2B5EF4-FFF2-40B4-BE49-F238E27FC236}">
                <a16:creationId xmlns:a16="http://schemas.microsoft.com/office/drawing/2014/main" id="{D848F651-5FE7-4E2F-AA3C-28D70249B3E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lang="fr-CH" sz="1319" smtClean="0">
                <a:solidFill>
                  <a:schemeClr val="accent6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cxnSp>
        <p:nvCxnSpPr>
          <p:cNvPr id="11" name="Connecteur droit 10">
            <a:extLst>
              <a:ext uri="{FF2B5EF4-FFF2-40B4-BE49-F238E27FC236}">
                <a16:creationId xmlns:a16="http://schemas.microsoft.com/office/drawing/2014/main" id="{07465FC6-283F-4745-9231-90E977F59C96}"/>
              </a:ext>
            </a:extLst>
          </p:cNvPr>
          <p:cNvCxnSpPr>
            <a:cxnSpLocks/>
          </p:cNvCxnSpPr>
          <p:nvPr userDrawn="1"/>
        </p:nvCxnSpPr>
        <p:spPr>
          <a:xfrm>
            <a:off x="7083925" y="2227838"/>
            <a:ext cx="5936250" cy="0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Connecteur droit 11">
            <a:extLst>
              <a:ext uri="{FF2B5EF4-FFF2-40B4-BE49-F238E27FC236}">
                <a16:creationId xmlns:a16="http://schemas.microsoft.com/office/drawing/2014/main" id="{2748A937-0DE0-4599-873C-071AF2234547}"/>
              </a:ext>
            </a:extLst>
          </p:cNvPr>
          <p:cNvCxnSpPr>
            <a:cxnSpLocks/>
          </p:cNvCxnSpPr>
          <p:nvPr userDrawn="1"/>
        </p:nvCxnSpPr>
        <p:spPr>
          <a:xfrm>
            <a:off x="7083925" y="2241352"/>
            <a:ext cx="5936250" cy="0"/>
          </a:xfrm>
          <a:prstGeom prst="line">
            <a:avLst/>
          </a:prstGeom>
          <a:ln w="63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" name="Image 12">
            <a:extLst>
              <a:ext uri="{FF2B5EF4-FFF2-40B4-BE49-F238E27FC236}">
                <a16:creationId xmlns:a16="http://schemas.microsoft.com/office/drawing/2014/main" id="{04288A98-5FFB-4D77-A14C-39247A10A9B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33741" y="10274027"/>
            <a:ext cx="1036618" cy="1033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174822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94">
          <p15:clr>
            <a:srgbClr val="FBAE40"/>
          </p15:clr>
        </p15:guide>
        <p15:guide id="2" orient="horz" pos="3884">
          <p15:clr>
            <a:srgbClr val="FBAE40"/>
          </p15:clr>
        </p15:guide>
      </p15:sldGuideLst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ixed with 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ond taupe">
            <a:extLst>
              <a:ext uri="{FF2B5EF4-FFF2-40B4-BE49-F238E27FC236}">
                <a16:creationId xmlns:a16="http://schemas.microsoft.com/office/drawing/2014/main" id="{D0E5F9E9-425D-4A19-9AE6-5D188CE3EFBE}"/>
              </a:ext>
            </a:extLst>
          </p:cNvPr>
          <p:cNvSpPr/>
          <p:nvPr userDrawn="1"/>
        </p:nvSpPr>
        <p:spPr>
          <a:xfrm>
            <a:off x="0" y="0"/>
            <a:ext cx="10052050" cy="1130935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50781" tIns="75390" rIns="150781" bIns="753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CH" sz="2968"/>
          </a:p>
        </p:txBody>
      </p:sp>
      <p:sp>
        <p:nvSpPr>
          <p:cNvPr id="13" name="Espace réservé de la date 2">
            <a:extLst>
              <a:ext uri="{FF2B5EF4-FFF2-40B4-BE49-F238E27FC236}">
                <a16:creationId xmlns:a16="http://schemas.microsoft.com/office/drawing/2014/main" id="{94B9A7EB-7384-438B-A668-BF2AA72B94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7176661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173329DC-B8EC-4196-9C31-A84DFD60144C}" type="datetime1">
              <a:rPr lang="fr-CH" smtClean="0"/>
              <a:t>10.12.2024</a:t>
            </a:fld>
            <a:endParaRPr lang="fr-CH"/>
          </a:p>
        </p:txBody>
      </p:sp>
      <p:sp>
        <p:nvSpPr>
          <p:cNvPr id="14" name="Espace réservé du pied de page 3">
            <a:extLst>
              <a:ext uri="{FF2B5EF4-FFF2-40B4-BE49-F238E27FC236}">
                <a16:creationId xmlns:a16="http://schemas.microsoft.com/office/drawing/2014/main" id="{BC15EECB-517D-4A82-8EFB-20914D31E4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146563" y="10882251"/>
            <a:ext cx="7165299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fr-CH" sz="1319">
                <a:solidFill>
                  <a:schemeClr val="accent1"/>
                </a:solidFill>
              </a:defRPr>
            </a:lvl1pPr>
          </a:lstStyle>
          <a:p>
            <a:endParaRPr lang="fr-CH"/>
          </a:p>
        </p:txBody>
      </p:sp>
      <p:sp>
        <p:nvSpPr>
          <p:cNvPr id="15" name="Espace réservé du numéro de diapositive 4">
            <a:extLst>
              <a:ext uri="{FF2B5EF4-FFF2-40B4-BE49-F238E27FC236}">
                <a16:creationId xmlns:a16="http://schemas.microsoft.com/office/drawing/2014/main" id="{BF422D26-559D-4801-80E7-90AFB71E7D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cxnSp>
        <p:nvCxnSpPr>
          <p:cNvPr id="11" name="Connecteur droit 10">
            <a:extLst>
              <a:ext uri="{FF2B5EF4-FFF2-40B4-BE49-F238E27FC236}">
                <a16:creationId xmlns:a16="http://schemas.microsoft.com/office/drawing/2014/main" id="{2EBF8D1F-412D-487E-9338-8882E47CDE4E}"/>
              </a:ext>
            </a:extLst>
          </p:cNvPr>
          <p:cNvCxnSpPr>
            <a:cxnSpLocks/>
          </p:cNvCxnSpPr>
          <p:nvPr userDrawn="1"/>
        </p:nvCxnSpPr>
        <p:spPr>
          <a:xfrm>
            <a:off x="1146562" y="10791005"/>
            <a:ext cx="17810976" cy="0"/>
          </a:xfrm>
          <a:prstGeom prst="line">
            <a:avLst/>
          </a:prstGeom>
          <a:ln w="63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itre 1">
            <a:extLst>
              <a:ext uri="{FF2B5EF4-FFF2-40B4-BE49-F238E27FC236}">
                <a16:creationId xmlns:a16="http://schemas.microsoft.com/office/drawing/2014/main" id="{5664B329-BB25-45EF-A0D0-BD45FCF58826}"/>
              </a:ext>
            </a:extLst>
          </p:cNvPr>
          <p:cNvSpPr>
            <a:spLocks noGrp="1"/>
          </p:cNvSpPr>
          <p:nvPr userDrawn="1">
            <p:ph type="title"/>
          </p:nvPr>
        </p:nvSpPr>
        <p:spPr>
          <a:xfrm>
            <a:off x="11180289" y="392710"/>
            <a:ext cx="7777248" cy="1819422"/>
          </a:xfrm>
        </p:spPr>
        <p:txBody>
          <a:bodyPr>
            <a:normAutofit/>
          </a:bodyPr>
          <a:lstStyle>
            <a:lvl1pPr algn="l">
              <a:defRPr sz="6596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sp>
        <p:nvSpPr>
          <p:cNvPr id="19" name="Espace réservé du contenu 18">
            <a:extLst>
              <a:ext uri="{FF2B5EF4-FFF2-40B4-BE49-F238E27FC236}">
                <a16:creationId xmlns:a16="http://schemas.microsoft.com/office/drawing/2014/main" id="{2A6B01A5-DBD7-4386-9783-D6A57973CBB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146563" y="2863997"/>
            <a:ext cx="7758924" cy="7065718"/>
          </a:xfrm>
        </p:spPr>
        <p:txBody>
          <a:bodyPr>
            <a:normAutofit/>
          </a:bodyPr>
          <a:lstStyle>
            <a:lvl1pPr>
              <a:defRPr sz="3958"/>
            </a:lvl1pPr>
            <a:lvl2pPr>
              <a:defRPr sz="3298"/>
            </a:lvl2pPr>
            <a:lvl3pPr>
              <a:defRPr sz="2968"/>
            </a:lvl3pPr>
            <a:lvl4pPr>
              <a:defRPr sz="2638"/>
            </a:lvl4pPr>
            <a:lvl5pPr>
              <a:defRPr sz="2638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CH"/>
          </a:p>
        </p:txBody>
      </p:sp>
      <p:sp>
        <p:nvSpPr>
          <p:cNvPr id="17" name="Espace réservé du texte 9">
            <a:extLst>
              <a:ext uri="{FF2B5EF4-FFF2-40B4-BE49-F238E27FC236}">
                <a16:creationId xmlns:a16="http://schemas.microsoft.com/office/drawing/2014/main" id="{604B18C2-8566-4270-A034-28A3ADB11F9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198613" y="2863989"/>
            <a:ext cx="7758924" cy="7065727"/>
          </a:xfrm>
        </p:spPr>
        <p:txBody>
          <a:bodyPr/>
          <a:lstStyle>
            <a:lvl1pPr marL="376961" indent="-376961">
              <a:buClr>
                <a:schemeClr val="accent2"/>
              </a:buClr>
              <a:defRPr sz="3958"/>
            </a:lvl1pPr>
            <a:lvl2pPr marL="732981" indent="-376961">
              <a:buClr>
                <a:schemeClr val="accent2"/>
              </a:buClr>
              <a:defRPr sz="3298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pic>
        <p:nvPicPr>
          <p:cNvPr id="18" name="Image 17">
            <a:extLst>
              <a:ext uri="{FF2B5EF4-FFF2-40B4-BE49-F238E27FC236}">
                <a16:creationId xmlns:a16="http://schemas.microsoft.com/office/drawing/2014/main" id="{9A204E64-336C-4C11-844E-FCD06CC35BF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8514543" y="10274027"/>
            <a:ext cx="1036618" cy="1033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3339391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94">
          <p15:clr>
            <a:srgbClr val="FBAE40"/>
          </p15:clr>
        </p15:guide>
        <p15:guide id="2" pos="4271">
          <p15:clr>
            <a:srgbClr val="FBAE40"/>
          </p15:clr>
        </p15:guide>
        <p15:guide id="3" orient="horz" pos="3793">
          <p15:clr>
            <a:srgbClr val="FBAE40"/>
          </p15:clr>
        </p15:guide>
      </p15:sldGuideLst>
    </p:ext>
  </p:extLst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Mixed with 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ond taupe">
            <a:extLst>
              <a:ext uri="{FF2B5EF4-FFF2-40B4-BE49-F238E27FC236}">
                <a16:creationId xmlns:a16="http://schemas.microsoft.com/office/drawing/2014/main" id="{D0E5F9E9-425D-4A19-9AE6-5D188CE3EFBE}"/>
              </a:ext>
            </a:extLst>
          </p:cNvPr>
          <p:cNvSpPr/>
          <p:nvPr userDrawn="1"/>
        </p:nvSpPr>
        <p:spPr>
          <a:xfrm>
            <a:off x="0" y="0"/>
            <a:ext cx="10052050" cy="1130935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50781" tIns="75390" rIns="150781" bIns="753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CH" sz="2968"/>
          </a:p>
        </p:txBody>
      </p:sp>
      <p:sp>
        <p:nvSpPr>
          <p:cNvPr id="13" name="Espace réservé de la date 2">
            <a:extLst>
              <a:ext uri="{FF2B5EF4-FFF2-40B4-BE49-F238E27FC236}">
                <a16:creationId xmlns:a16="http://schemas.microsoft.com/office/drawing/2014/main" id="{94B9A7EB-7384-438B-A668-BF2AA72B94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7176661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173329DC-B8EC-4196-9C31-A84DFD60144C}" type="datetime1">
              <a:rPr lang="fr-CH" smtClean="0"/>
              <a:t>10.12.2024</a:t>
            </a:fld>
            <a:endParaRPr lang="fr-CH"/>
          </a:p>
        </p:txBody>
      </p:sp>
      <p:sp>
        <p:nvSpPr>
          <p:cNvPr id="14" name="Espace réservé du pied de page 3">
            <a:extLst>
              <a:ext uri="{FF2B5EF4-FFF2-40B4-BE49-F238E27FC236}">
                <a16:creationId xmlns:a16="http://schemas.microsoft.com/office/drawing/2014/main" id="{BC15EECB-517D-4A82-8EFB-20914D31E4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146563" y="10882251"/>
            <a:ext cx="7165299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fr-CH" sz="1319">
                <a:solidFill>
                  <a:schemeClr val="accent1"/>
                </a:solidFill>
              </a:defRPr>
            </a:lvl1pPr>
          </a:lstStyle>
          <a:p>
            <a:endParaRPr lang="fr-CH"/>
          </a:p>
        </p:txBody>
      </p:sp>
      <p:sp>
        <p:nvSpPr>
          <p:cNvPr id="15" name="Espace réservé du numéro de diapositive 4">
            <a:extLst>
              <a:ext uri="{FF2B5EF4-FFF2-40B4-BE49-F238E27FC236}">
                <a16:creationId xmlns:a16="http://schemas.microsoft.com/office/drawing/2014/main" id="{BF422D26-559D-4801-80E7-90AFB71E7D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sp>
        <p:nvSpPr>
          <p:cNvPr id="16" name="Titre 1">
            <a:extLst>
              <a:ext uri="{FF2B5EF4-FFF2-40B4-BE49-F238E27FC236}">
                <a16:creationId xmlns:a16="http://schemas.microsoft.com/office/drawing/2014/main" id="{5664B329-BB25-45EF-A0D0-BD45FCF58826}"/>
              </a:ext>
            </a:extLst>
          </p:cNvPr>
          <p:cNvSpPr>
            <a:spLocks noGrp="1"/>
          </p:cNvSpPr>
          <p:nvPr userDrawn="1">
            <p:ph type="title"/>
          </p:nvPr>
        </p:nvSpPr>
        <p:spPr>
          <a:xfrm>
            <a:off x="11180289" y="392710"/>
            <a:ext cx="7777248" cy="1819422"/>
          </a:xfrm>
        </p:spPr>
        <p:txBody>
          <a:bodyPr>
            <a:normAutofit/>
          </a:bodyPr>
          <a:lstStyle>
            <a:lvl1pPr algn="l">
              <a:defRPr sz="6596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sp>
        <p:nvSpPr>
          <p:cNvPr id="17" name="Espace réservé du texte 9">
            <a:extLst>
              <a:ext uri="{FF2B5EF4-FFF2-40B4-BE49-F238E27FC236}">
                <a16:creationId xmlns:a16="http://schemas.microsoft.com/office/drawing/2014/main" id="{604B18C2-8566-4270-A034-28A3ADB11F9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198613" y="2863989"/>
            <a:ext cx="7758924" cy="7065727"/>
          </a:xfrm>
        </p:spPr>
        <p:txBody>
          <a:bodyPr/>
          <a:lstStyle>
            <a:lvl1pPr marL="376961" indent="-376961">
              <a:buClr>
                <a:schemeClr val="accent2"/>
              </a:buClr>
              <a:defRPr sz="3958"/>
            </a:lvl1pPr>
            <a:lvl2pPr marL="732981" indent="-376961">
              <a:buClr>
                <a:schemeClr val="accent2"/>
              </a:buClr>
              <a:defRPr sz="3298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C6AC9A31-16F6-4CA9-9DDE-F91343D754A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0052050" cy="11309350"/>
          </a:xfrm>
        </p:spPr>
        <p:txBody>
          <a:bodyPr lIns="684000" tIns="1728000" rIns="144000" anchor="t">
            <a:normAutofit/>
          </a:bodyPr>
          <a:lstStyle>
            <a:lvl1pPr marL="0" indent="0" algn="l">
              <a:buNone/>
              <a:defRPr lang="fr-CH" sz="2309" b="0" i="0" smtClean="0">
                <a:effectLst/>
              </a:defRPr>
            </a:lvl1pPr>
          </a:lstStyle>
          <a:p>
            <a:r>
              <a:rPr lang="fr-FR" sz="2309"/>
              <a:t>For the light </a:t>
            </a:r>
            <a:r>
              <a:rPr lang="fr-FR" sz="2309" err="1"/>
              <a:t>disk</a:t>
            </a:r>
            <a:r>
              <a:rPr lang="fr-FR" sz="2309"/>
              <a:t> </a:t>
            </a:r>
            <a:r>
              <a:rPr lang="fr-FR" sz="2309" err="1"/>
              <a:t>effect</a:t>
            </a:r>
            <a:r>
              <a:rPr lang="fr-FR" sz="2309"/>
              <a:t>:</a:t>
            </a:r>
            <a:br>
              <a:rPr lang="fr-FR" sz="2309"/>
            </a:br>
            <a:r>
              <a:rPr lang="fr-FR" sz="2309"/>
              <a:t>- Click on the </a:t>
            </a:r>
            <a:r>
              <a:rPr lang="fr-FR" sz="2309" err="1"/>
              <a:t>icon</a:t>
            </a:r>
            <a:r>
              <a:rPr lang="fr-FR" sz="2309"/>
              <a:t> to insert </a:t>
            </a:r>
            <a:r>
              <a:rPr lang="fr-FR" sz="2309" err="1"/>
              <a:t>your</a:t>
            </a:r>
            <a:r>
              <a:rPr lang="fr-FR" sz="2309"/>
              <a:t> </a:t>
            </a:r>
            <a:r>
              <a:rPr lang="fr-FR" sz="2309" err="1"/>
              <a:t>picture</a:t>
            </a:r>
            <a:br>
              <a:rPr lang="fr-FR" sz="2309"/>
            </a:br>
            <a:r>
              <a:rPr lang="fr-FR" sz="2309"/>
              <a:t>- Right click on the </a:t>
            </a:r>
            <a:r>
              <a:rPr lang="fr-FR" sz="2309" err="1"/>
              <a:t>inserted</a:t>
            </a:r>
            <a:r>
              <a:rPr lang="fr-FR" sz="2309"/>
              <a:t> </a:t>
            </a:r>
            <a:r>
              <a:rPr lang="fr-FR" sz="2309" err="1"/>
              <a:t>picture</a:t>
            </a:r>
            <a:br>
              <a:rPr lang="fr-FR" sz="2309"/>
            </a:br>
            <a:r>
              <a:rPr lang="fr-FR" sz="2309"/>
              <a:t>- </a:t>
            </a:r>
            <a:r>
              <a:rPr lang="fr-FR" sz="2309" err="1"/>
              <a:t>From</a:t>
            </a:r>
            <a:r>
              <a:rPr lang="fr-FR" sz="2309"/>
              <a:t> the drop-down menu, </a:t>
            </a:r>
            <a:r>
              <a:rPr lang="fr-FR" sz="2309" err="1"/>
              <a:t>choose</a:t>
            </a:r>
            <a:r>
              <a:rPr lang="fr-FR" sz="2309"/>
              <a:t> </a:t>
            </a:r>
            <a:r>
              <a:rPr lang="fr-CH" b="0" i="0" err="1">
                <a:solidFill>
                  <a:srgbClr val="222222"/>
                </a:solidFill>
                <a:effectLst/>
                <a:latin typeface="arial" panose="020B0604020202020204" pitchFamily="34" charset="0"/>
              </a:rPr>
              <a:t>Send</a:t>
            </a:r>
            <a:r>
              <a:rPr lang="fr-CH" b="0" i="0">
                <a:solidFill>
                  <a:srgbClr val="222222"/>
                </a:solidFill>
                <a:effectLst/>
                <a:latin typeface="arial" panose="020B0604020202020204" pitchFamily="34" charset="0"/>
              </a:rPr>
              <a:t> to Back</a:t>
            </a:r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113278119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94">
          <p15:clr>
            <a:srgbClr val="FBAE40"/>
          </p15:clr>
        </p15:guide>
        <p15:guide id="2" pos="4271">
          <p15:clr>
            <a:srgbClr val="FBAE40"/>
          </p15:clr>
        </p15:guide>
        <p15:guide id="3" orient="horz" pos="3793">
          <p15:clr>
            <a:srgbClr val="FBAE40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ixed with content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Fond taupe">
            <a:extLst>
              <a:ext uri="{FF2B5EF4-FFF2-40B4-BE49-F238E27FC236}">
                <a16:creationId xmlns:a16="http://schemas.microsoft.com/office/drawing/2014/main" id="{D0E5F9E9-425D-4A19-9AE6-5D188CE3EFBE}"/>
              </a:ext>
            </a:extLst>
          </p:cNvPr>
          <p:cNvSpPr/>
          <p:nvPr userDrawn="1"/>
        </p:nvSpPr>
        <p:spPr>
          <a:xfrm>
            <a:off x="10052050" y="0"/>
            <a:ext cx="10052050" cy="11309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50781" tIns="75390" rIns="150781" bIns="753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fr-CH" sz="2968"/>
          </a:p>
        </p:txBody>
      </p:sp>
      <p:sp>
        <p:nvSpPr>
          <p:cNvPr id="13" name="Espace réservé de la date 2">
            <a:extLst>
              <a:ext uri="{FF2B5EF4-FFF2-40B4-BE49-F238E27FC236}">
                <a16:creationId xmlns:a16="http://schemas.microsoft.com/office/drawing/2014/main" id="{94B9A7EB-7384-438B-A668-BF2AA72B9499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7176661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6"/>
                </a:solidFill>
              </a:defRPr>
            </a:lvl1pPr>
          </a:lstStyle>
          <a:p>
            <a:fld id="{98A05605-DE46-4859-857A-6E47E847AF8D}" type="datetime1">
              <a:rPr lang="fr-CH" smtClean="0"/>
              <a:t>10.12.2024</a:t>
            </a:fld>
            <a:endParaRPr lang="fr-CH"/>
          </a:p>
        </p:txBody>
      </p:sp>
      <p:sp>
        <p:nvSpPr>
          <p:cNvPr id="14" name="Espace réservé du pied de page 3">
            <a:extLst>
              <a:ext uri="{FF2B5EF4-FFF2-40B4-BE49-F238E27FC236}">
                <a16:creationId xmlns:a16="http://schemas.microsoft.com/office/drawing/2014/main" id="{BC15EECB-517D-4A82-8EFB-20914D31E41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146563" y="10882251"/>
            <a:ext cx="7165299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fr-CH" sz="1319">
                <a:solidFill>
                  <a:schemeClr val="accent1"/>
                </a:solidFill>
              </a:defRPr>
            </a:lvl1pPr>
          </a:lstStyle>
          <a:p>
            <a:endParaRPr lang="fr-CH"/>
          </a:p>
        </p:txBody>
      </p:sp>
      <p:sp>
        <p:nvSpPr>
          <p:cNvPr id="15" name="Espace réservé du numéro de diapositive 4">
            <a:extLst>
              <a:ext uri="{FF2B5EF4-FFF2-40B4-BE49-F238E27FC236}">
                <a16:creationId xmlns:a16="http://schemas.microsoft.com/office/drawing/2014/main" id="{BF422D26-559D-4801-80E7-90AFB71E7D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lang="fr-CH" sz="1319" smtClean="0">
                <a:solidFill>
                  <a:schemeClr val="accent6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sp>
        <p:nvSpPr>
          <p:cNvPr id="16" name="Titre 1">
            <a:extLst>
              <a:ext uri="{FF2B5EF4-FFF2-40B4-BE49-F238E27FC236}">
                <a16:creationId xmlns:a16="http://schemas.microsoft.com/office/drawing/2014/main" id="{5664B329-BB25-45EF-A0D0-BD45FCF58826}"/>
              </a:ext>
            </a:extLst>
          </p:cNvPr>
          <p:cNvSpPr>
            <a:spLocks noGrp="1"/>
          </p:cNvSpPr>
          <p:nvPr userDrawn="1">
            <p:ph type="title"/>
          </p:nvPr>
        </p:nvSpPr>
        <p:spPr>
          <a:xfrm>
            <a:off x="1146563" y="392710"/>
            <a:ext cx="7777248" cy="1819422"/>
          </a:xfrm>
        </p:spPr>
        <p:txBody>
          <a:bodyPr>
            <a:normAutofit/>
          </a:bodyPr>
          <a:lstStyle>
            <a:lvl1pPr algn="l">
              <a:defRPr sz="6596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sp>
        <p:nvSpPr>
          <p:cNvPr id="19" name="Espace réservé du contenu 18">
            <a:extLst>
              <a:ext uri="{FF2B5EF4-FFF2-40B4-BE49-F238E27FC236}">
                <a16:creationId xmlns:a16="http://schemas.microsoft.com/office/drawing/2014/main" id="{2A6B01A5-DBD7-4386-9783-D6A57973CBB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1180289" y="2863997"/>
            <a:ext cx="7777249" cy="7065718"/>
          </a:xfrm>
        </p:spPr>
        <p:txBody>
          <a:bodyPr>
            <a:normAutofit/>
          </a:bodyPr>
          <a:lstStyle>
            <a:lvl1pPr>
              <a:defRPr sz="3958">
                <a:solidFill>
                  <a:schemeClr val="accent6"/>
                </a:solidFill>
              </a:defRPr>
            </a:lvl1pPr>
            <a:lvl2pPr>
              <a:defRPr sz="3298">
                <a:solidFill>
                  <a:schemeClr val="accent6"/>
                </a:solidFill>
              </a:defRPr>
            </a:lvl2pPr>
            <a:lvl3pPr>
              <a:defRPr sz="2968">
                <a:solidFill>
                  <a:schemeClr val="accent6"/>
                </a:solidFill>
              </a:defRPr>
            </a:lvl3pPr>
            <a:lvl4pPr>
              <a:defRPr sz="2638">
                <a:solidFill>
                  <a:schemeClr val="accent6"/>
                </a:solidFill>
              </a:defRPr>
            </a:lvl4pPr>
            <a:lvl5pPr>
              <a:defRPr sz="2638">
                <a:solidFill>
                  <a:schemeClr val="accent6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r-CH"/>
          </a:p>
        </p:txBody>
      </p:sp>
      <p:sp>
        <p:nvSpPr>
          <p:cNvPr id="17" name="Espace réservé du texte 9">
            <a:extLst>
              <a:ext uri="{FF2B5EF4-FFF2-40B4-BE49-F238E27FC236}">
                <a16:creationId xmlns:a16="http://schemas.microsoft.com/office/drawing/2014/main" id="{604B18C2-8566-4270-A034-28A3ADB11F95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146563" y="2863989"/>
            <a:ext cx="7758924" cy="7065727"/>
          </a:xfrm>
        </p:spPr>
        <p:txBody>
          <a:bodyPr/>
          <a:lstStyle>
            <a:lvl1pPr marL="376961" indent="-376961">
              <a:buClr>
                <a:schemeClr val="accent2"/>
              </a:buClr>
              <a:defRPr sz="3958"/>
            </a:lvl1pPr>
            <a:lvl2pPr marL="732981" indent="-376961">
              <a:buClr>
                <a:schemeClr val="accent2"/>
              </a:buClr>
              <a:defRPr sz="3298"/>
            </a:lvl2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cxnSp>
        <p:nvCxnSpPr>
          <p:cNvPr id="18" name="Connecteur droit 17">
            <a:extLst>
              <a:ext uri="{FF2B5EF4-FFF2-40B4-BE49-F238E27FC236}">
                <a16:creationId xmlns:a16="http://schemas.microsoft.com/office/drawing/2014/main" id="{0E721B8D-A4E0-47CD-8A17-78DEBF94481D}"/>
              </a:ext>
            </a:extLst>
          </p:cNvPr>
          <p:cNvCxnSpPr>
            <a:cxnSpLocks/>
          </p:cNvCxnSpPr>
          <p:nvPr userDrawn="1"/>
        </p:nvCxnSpPr>
        <p:spPr>
          <a:xfrm>
            <a:off x="1146562" y="10791005"/>
            <a:ext cx="17810976" cy="0"/>
          </a:xfrm>
          <a:prstGeom prst="line">
            <a:avLst/>
          </a:prstGeom>
          <a:ln w="635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1" name="Image 10">
            <a:extLst>
              <a:ext uri="{FF2B5EF4-FFF2-40B4-BE49-F238E27FC236}">
                <a16:creationId xmlns:a16="http://schemas.microsoft.com/office/drawing/2014/main" id="{587591A6-0B66-4A38-ABF7-8D84197ABCE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33741" y="10274027"/>
            <a:ext cx="1036618" cy="1033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10239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094">
          <p15:clr>
            <a:srgbClr val="FBAE40"/>
          </p15:clr>
        </p15:guide>
        <p15:guide id="2" pos="4271">
          <p15:clr>
            <a:srgbClr val="FBAE40"/>
          </p15:clr>
        </p15:guide>
        <p15:guide id="3" orient="horz" pos="3793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dark page - Two bloc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>
          <a:xfrm>
            <a:off x="1146865" y="1198107"/>
            <a:ext cx="17591985" cy="213614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defRPr sz="9600" b="0" i="0">
                <a:solidFill>
                  <a:srgbClr val="878775"/>
                </a:solidFill>
                <a:latin typeface="Georgia"/>
                <a:cs typeface="Georgia"/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Holder 3"/>
          <p:cNvSpPr>
            <a:spLocks noGrp="1"/>
          </p:cNvSpPr>
          <p:nvPr>
            <p:ph sz="half" idx="2"/>
          </p:nvPr>
        </p:nvSpPr>
        <p:spPr>
          <a:xfrm>
            <a:off x="1136650" y="3530029"/>
            <a:ext cx="8531161" cy="677284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Holder 4"/>
          <p:cNvSpPr>
            <a:spLocks noGrp="1"/>
          </p:cNvSpPr>
          <p:nvPr>
            <p:ph sz="half" idx="3"/>
          </p:nvPr>
        </p:nvSpPr>
        <p:spPr>
          <a:xfrm>
            <a:off x="9899650" y="3530029"/>
            <a:ext cx="8763000" cy="677284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43636" y="10551219"/>
            <a:ext cx="1760464" cy="763786"/>
          </a:xfrm>
          <a:prstGeom prst="rect">
            <a:avLst/>
          </a:prstGeom>
        </p:spPr>
      </p:pic>
    </p:spTree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alk-in &amp; Ex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36EB3F22-72D4-4FE2-85F8-589BDBAA4E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B97AEE01-7D8E-4E43-B2A1-D37D7E07B799}" type="datetime1">
              <a:rPr lang="fr-CH" smtClean="0"/>
              <a:t>10.12.2024</a:t>
            </a:fld>
            <a:endParaRPr lang="fr-CH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0FBC8154-597A-4D9F-BCA0-9D56BC7249F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endParaRPr lang="fr-CH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2CC0CADA-9A25-4EC8-9A34-F116A98CBB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6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  <p:sp>
        <p:nvSpPr>
          <p:cNvPr id="6" name="étoile" hidden="1">
            <a:extLst>
              <a:ext uri="{FF2B5EF4-FFF2-40B4-BE49-F238E27FC236}">
                <a16:creationId xmlns:a16="http://schemas.microsoft.com/office/drawing/2014/main" id="{F64B5284-2DB4-49C0-960B-B36EB67EEC13}"/>
              </a:ext>
            </a:extLst>
          </p:cNvPr>
          <p:cNvSpPr/>
          <p:nvPr userDrawn="1"/>
        </p:nvSpPr>
        <p:spPr>
          <a:xfrm>
            <a:off x="3483871" y="1022563"/>
            <a:ext cx="13156732" cy="10286789"/>
          </a:xfrm>
          <a:prstGeom prst="rect">
            <a:avLst/>
          </a:prstGeom>
          <a:blipFill>
            <a:blip r:embed="rId2" cstate="print"/>
            <a:stretch>
              <a:fillRect l="13178" t="705" r="13333" b="5917"/>
            </a:stretch>
          </a:blipFill>
        </p:spPr>
        <p:txBody>
          <a:bodyPr wrap="square" lIns="0" tIns="0" rIns="0" bIns="0" rtlCol="0"/>
          <a:lstStyle/>
          <a:p>
            <a:endParaRPr sz="2968"/>
          </a:p>
        </p:txBody>
      </p:sp>
      <p:pic>
        <p:nvPicPr>
          <p:cNvPr id="295" name="Image 294" descr="Une image contenant blanc&#10;&#10;Description générée automatiquement">
            <a:extLst>
              <a:ext uri="{FF2B5EF4-FFF2-40B4-BE49-F238E27FC236}">
                <a16:creationId xmlns:a16="http://schemas.microsoft.com/office/drawing/2014/main" id="{74E7FA73-AAF6-406B-80F1-F4544D448A3B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10398" y="418865"/>
            <a:ext cx="10483307" cy="10471620"/>
          </a:xfrm>
          <a:prstGeom prst="rect">
            <a:avLst/>
          </a:prstGeom>
        </p:spPr>
      </p:pic>
      <p:sp>
        <p:nvSpPr>
          <p:cNvPr id="297" name="Espace réservé du texte 296">
            <a:extLst>
              <a:ext uri="{FF2B5EF4-FFF2-40B4-BE49-F238E27FC236}">
                <a16:creationId xmlns:a16="http://schemas.microsoft.com/office/drawing/2014/main" id="{65E7D559-B9CF-48F6-AE20-C30D794B5B77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773326" y="4926898"/>
            <a:ext cx="4557452" cy="1455555"/>
          </a:xfrm>
        </p:spPr>
        <p:txBody>
          <a:bodyPr anchor="ctr"/>
          <a:lstStyle>
            <a:lvl1pPr marL="0" indent="0" algn="ctr">
              <a:buNone/>
              <a:defRPr b="1">
                <a:solidFill>
                  <a:schemeClr val="bg1"/>
                </a:solidFill>
                <a:latin typeface="+mj-lt"/>
              </a:defRPr>
            </a:lvl1pPr>
            <a:lvl2pPr marL="753923" indent="0">
              <a:buNone/>
              <a:defRPr>
                <a:solidFill>
                  <a:schemeClr val="bg1"/>
                </a:solidFill>
                <a:latin typeface="+mj-lt"/>
              </a:defRPr>
            </a:lvl2pPr>
            <a:lvl3pPr marL="1507846" indent="0">
              <a:buNone/>
              <a:defRPr>
                <a:solidFill>
                  <a:schemeClr val="bg1"/>
                </a:solidFill>
                <a:latin typeface="+mj-lt"/>
              </a:defRPr>
            </a:lvl3pPr>
            <a:lvl4pPr marL="2261768" indent="0">
              <a:buNone/>
              <a:defRPr>
                <a:solidFill>
                  <a:schemeClr val="bg1"/>
                </a:solidFill>
                <a:latin typeface="+mj-lt"/>
              </a:defRPr>
            </a:lvl4pPr>
            <a:lvl5pPr marL="3015691" indent="0">
              <a:buNone/>
              <a:defRPr>
                <a:solidFill>
                  <a:schemeClr val="bg1"/>
                </a:solidFill>
                <a:latin typeface="+mj-lt"/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1063374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3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out)">
                                      <p:cBhvr>
                                        <p:cTn id="7" dur="2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</p:bldLst>
  </p:timing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light with patter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1507119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Light page - Two block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>
          <a:xfrm>
            <a:off x="1146865" y="1198107"/>
            <a:ext cx="17591985" cy="2136140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>
              <a:defRPr sz="9600" b="0" i="0">
                <a:solidFill>
                  <a:srgbClr val="878775"/>
                </a:solidFill>
                <a:latin typeface="Georgia"/>
                <a:cs typeface="Georgia"/>
              </a:defRPr>
            </a:lvl1pPr>
          </a:lstStyle>
          <a:p>
            <a:r>
              <a:rPr lang="en-US"/>
              <a:t>Click to edit Master title style</a:t>
            </a:r>
            <a:endParaRPr/>
          </a:p>
        </p:txBody>
      </p:sp>
      <p:sp>
        <p:nvSpPr>
          <p:cNvPr id="3" name="Holder 3"/>
          <p:cNvSpPr>
            <a:spLocks noGrp="1"/>
          </p:cNvSpPr>
          <p:nvPr>
            <p:ph sz="half" idx="2"/>
          </p:nvPr>
        </p:nvSpPr>
        <p:spPr>
          <a:xfrm>
            <a:off x="1136650" y="3530029"/>
            <a:ext cx="8531161" cy="677284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Holder 4"/>
          <p:cNvSpPr>
            <a:spLocks noGrp="1"/>
          </p:cNvSpPr>
          <p:nvPr>
            <p:ph sz="half" idx="3"/>
          </p:nvPr>
        </p:nvSpPr>
        <p:spPr>
          <a:xfrm>
            <a:off x="9899650" y="3530029"/>
            <a:ext cx="8763000" cy="677284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32970" y="10551219"/>
            <a:ext cx="1841364" cy="7581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088111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lain white with titl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60450" y="549275"/>
            <a:ext cx="17338675" cy="2185987"/>
          </a:xfrm>
        </p:spPr>
        <p:txBody>
          <a:bodyPr>
            <a:normAutofit/>
          </a:bodyPr>
          <a:lstStyle>
            <a:lvl1pPr>
              <a:defRPr sz="9600"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32970" y="10551219"/>
            <a:ext cx="1841364" cy="7581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20162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 COMEX ONLY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1060450" y="549275"/>
            <a:ext cx="17338675" cy="2185987"/>
          </a:xfrm>
        </p:spPr>
        <p:txBody>
          <a:bodyPr>
            <a:normAutofit/>
          </a:bodyPr>
          <a:lstStyle>
            <a:lvl1pPr>
              <a:defRPr sz="9600" baseline="0">
                <a:latin typeface="Georgia" panose="02040502050405020303" pitchFamily="18" charset="0"/>
              </a:defRPr>
            </a:lvl1pPr>
          </a:lstStyle>
          <a:p>
            <a:r>
              <a:rPr lang="en-US"/>
              <a:t>Only for EHL GROUP presentation</a:t>
            </a:r>
            <a:endParaRPr lang="fr-CH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719623" y="10263187"/>
            <a:ext cx="2218481" cy="913399"/>
          </a:xfrm>
          <a:prstGeom prst="rect">
            <a:avLst/>
          </a:prstGeom>
        </p:spPr>
      </p:pic>
      <p:sp>
        <p:nvSpPr>
          <p:cNvPr id="5" name="TextBox 4"/>
          <p:cNvSpPr txBox="1"/>
          <p:nvPr userDrawn="1"/>
        </p:nvSpPr>
        <p:spPr>
          <a:xfrm>
            <a:off x="18693010" y="10489053"/>
            <a:ext cx="136815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CH" sz="1200" b="1">
                <a:solidFill>
                  <a:srgbClr val="001436"/>
                </a:solidFill>
              </a:rPr>
              <a:t>EDUCATION</a:t>
            </a:r>
          </a:p>
          <a:p>
            <a:r>
              <a:rPr lang="fr-CH" sz="1200" b="1">
                <a:solidFill>
                  <a:srgbClr val="001436"/>
                </a:solidFill>
              </a:rPr>
              <a:t>GROUP</a:t>
            </a:r>
          </a:p>
        </p:txBody>
      </p:sp>
      <p:cxnSp>
        <p:nvCxnSpPr>
          <p:cNvPr id="9" name="Straight Connector 8"/>
          <p:cNvCxnSpPr>
            <a:endCxn id="8" idx="1"/>
          </p:cNvCxnSpPr>
          <p:nvPr userDrawn="1"/>
        </p:nvCxnSpPr>
        <p:spPr>
          <a:xfrm>
            <a:off x="330970" y="10719885"/>
            <a:ext cx="16388653" cy="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Content Placeholder 3"/>
          <p:cNvSpPr>
            <a:spLocks noGrp="1"/>
          </p:cNvSpPr>
          <p:nvPr>
            <p:ph sz="quarter" idx="10" hasCustomPrompt="1"/>
          </p:nvPr>
        </p:nvSpPr>
        <p:spPr>
          <a:xfrm>
            <a:off x="2635250" y="3783013"/>
            <a:ext cx="13465175" cy="3743325"/>
          </a:xfrm>
          <a:prstGeom prst="rect">
            <a:avLst/>
          </a:prstGeo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US"/>
              <a:t>THIS IS FOR EHL EDUCATION GROUP PRESENTATION ONLY – SLIDES FOR BOARD MEETING OR INVESTORS PRESENTATIONS</a:t>
            </a:r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36211491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ansition page - dark blue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93850" y="1082675"/>
            <a:ext cx="16154399" cy="4267199"/>
          </a:xfrm>
        </p:spPr>
        <p:txBody>
          <a:bodyPr>
            <a:noAutofit/>
          </a:bodyPr>
          <a:lstStyle>
            <a:lvl1pPr>
              <a:defRPr sz="13000" b="1">
                <a:solidFill>
                  <a:srgbClr val="ADACA1"/>
                </a:solidFill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fr-CH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1593850" y="5578475"/>
            <a:ext cx="7467600" cy="4421188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icon to add picture</a:t>
            </a:r>
            <a:endParaRPr lang="fr-CH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9366249" y="5578475"/>
            <a:ext cx="8381999" cy="4421188"/>
          </a:xfrm>
          <a:prstGeom prst="rect">
            <a:avLst/>
          </a:prstGeom>
        </p:spPr>
        <p:txBody>
          <a:bodyPr/>
          <a:lstStyle>
            <a:lvl1pPr>
              <a:defRPr sz="4000">
                <a:solidFill>
                  <a:schemeClr val="bg1"/>
                </a:solidFill>
              </a:defRPr>
            </a:lvl1pPr>
            <a:lvl2pPr>
              <a:defRPr sz="4000">
                <a:solidFill>
                  <a:schemeClr val="bg1"/>
                </a:solidFill>
              </a:defRPr>
            </a:lvl2pPr>
            <a:lvl3pPr>
              <a:defRPr sz="4000">
                <a:solidFill>
                  <a:schemeClr val="bg1"/>
                </a:solidFill>
              </a:defRPr>
            </a:lvl3pPr>
            <a:lvl4pPr>
              <a:defRPr sz="4000">
                <a:solidFill>
                  <a:schemeClr val="bg1"/>
                </a:solidFill>
              </a:defRPr>
            </a:lvl4pPr>
            <a:lvl5pPr>
              <a:defRPr sz="40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332970" y="10551219"/>
            <a:ext cx="1760464" cy="76378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8994406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8" Type="http://schemas.openxmlformats.org/officeDocument/2006/relationships/slideLayout" Target="../slideLayouts/slideLayout8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theme" Target="../theme/theme2.xml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2" Type="http://schemas.openxmlformats.org/officeDocument/2006/relationships/slideLayout" Target="../slideLayouts/slideLayout34.x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5" Type="http://schemas.openxmlformats.org/officeDocument/2006/relationships/slideLayout" Target="../slideLayouts/slideLayout37.xml"/><Relationship Id="rId4" Type="http://schemas.openxmlformats.org/officeDocument/2006/relationships/slideLayout" Target="../slideLayouts/slideLayout36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7.xml"/><Relationship Id="rId13" Type="http://schemas.openxmlformats.org/officeDocument/2006/relationships/theme" Target="../theme/theme3.xml"/><Relationship Id="rId3" Type="http://schemas.openxmlformats.org/officeDocument/2006/relationships/slideLayout" Target="../slideLayouts/slideLayout42.xml"/><Relationship Id="rId7" Type="http://schemas.openxmlformats.org/officeDocument/2006/relationships/slideLayout" Target="../slideLayouts/slideLayout46.xml"/><Relationship Id="rId12" Type="http://schemas.openxmlformats.org/officeDocument/2006/relationships/slideLayout" Target="../slideLayouts/slideLayout51.xml"/><Relationship Id="rId2" Type="http://schemas.openxmlformats.org/officeDocument/2006/relationships/slideLayout" Target="../slideLayouts/slideLayout41.xml"/><Relationship Id="rId1" Type="http://schemas.openxmlformats.org/officeDocument/2006/relationships/slideLayout" Target="../slideLayouts/slideLayout40.xml"/><Relationship Id="rId6" Type="http://schemas.openxmlformats.org/officeDocument/2006/relationships/slideLayout" Target="../slideLayouts/slideLayout45.xml"/><Relationship Id="rId11" Type="http://schemas.openxmlformats.org/officeDocument/2006/relationships/slideLayout" Target="../slideLayouts/slideLayout50.xml"/><Relationship Id="rId5" Type="http://schemas.openxmlformats.org/officeDocument/2006/relationships/slideLayout" Target="../slideLayouts/slideLayout44.xml"/><Relationship Id="rId10" Type="http://schemas.openxmlformats.org/officeDocument/2006/relationships/slideLayout" Target="../slideLayouts/slideLayout49.xml"/><Relationship Id="rId4" Type="http://schemas.openxmlformats.org/officeDocument/2006/relationships/slideLayout" Target="../slideLayouts/slideLayout43.xml"/><Relationship Id="rId9" Type="http://schemas.openxmlformats.org/officeDocument/2006/relationships/slideLayout" Target="../slideLayouts/slideLayout4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143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7"/>
          <p:cNvSpPr>
            <a:spLocks noGrp="1"/>
          </p:cNvSpPr>
          <p:nvPr>
            <p:ph type="title"/>
          </p:nvPr>
        </p:nvSpPr>
        <p:spPr>
          <a:xfrm>
            <a:off x="984250" y="7102474"/>
            <a:ext cx="17338675" cy="2185987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EHL Master template</a:t>
            </a:r>
            <a:endParaRPr lang="fr-CH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  <p:sldLayoutId id="2147483679" r:id="rId2"/>
    <p:sldLayoutId id="2147483661" r:id="rId3"/>
    <p:sldLayoutId id="2147483666" r:id="rId4"/>
    <p:sldLayoutId id="2147483663" r:id="rId5"/>
    <p:sldLayoutId id="2147483682" r:id="rId6"/>
    <p:sldLayoutId id="2147483669" r:id="rId7"/>
    <p:sldLayoutId id="2147483714" r:id="rId8"/>
    <p:sldLayoutId id="2147483667" r:id="rId9"/>
    <p:sldLayoutId id="2147483665" r:id="rId10"/>
    <p:sldLayoutId id="2147483668" r:id="rId11"/>
    <p:sldLayoutId id="2147483670" r:id="rId12"/>
    <p:sldLayoutId id="2147483722" r:id="rId13"/>
    <p:sldLayoutId id="2147483718" r:id="rId14"/>
    <p:sldLayoutId id="2147483723" r:id="rId15"/>
    <p:sldLayoutId id="2147483678" r:id="rId16"/>
    <p:sldLayoutId id="2147483713" r:id="rId17"/>
    <p:sldLayoutId id="2147483712" r:id="rId18"/>
    <p:sldLayoutId id="2147483671" r:id="rId19"/>
    <p:sldLayoutId id="2147483673" r:id="rId20"/>
    <p:sldLayoutId id="2147483674" r:id="rId21"/>
    <p:sldLayoutId id="2147483675" r:id="rId22"/>
    <p:sldLayoutId id="2147483676" r:id="rId23"/>
    <p:sldLayoutId id="2147483717" r:id="rId24"/>
    <p:sldLayoutId id="2147483725" r:id="rId25"/>
    <p:sldLayoutId id="2147483672" r:id="rId26"/>
    <p:sldLayoutId id="2147483687" r:id="rId27"/>
    <p:sldLayoutId id="2147483686" r:id="rId28"/>
    <p:sldLayoutId id="2147483684" r:id="rId29"/>
    <p:sldLayoutId id="2147483685" r:id="rId30"/>
    <p:sldLayoutId id="2147483715" r:id="rId31"/>
    <p:sldLayoutId id="2147483716" r:id="rId32"/>
  </p:sldLayoutIdLst>
  <p:hf hdr="0"/>
  <p:txStyles>
    <p:titleStyle>
      <a:lvl1pPr eaLnBrk="1" hangingPunct="1">
        <a:defRPr sz="7200">
          <a:solidFill>
            <a:srgbClr val="878775"/>
          </a:solidFill>
          <a:latin typeface="+mj-lt"/>
          <a:ea typeface="+mj-ea"/>
          <a:cs typeface="+mj-cs"/>
        </a:defRPr>
      </a:lvl1pPr>
    </p:titleStyle>
    <p:bodyStyle>
      <a:lvl1pPr marL="0" eaLnBrk="1" hangingPunct="1">
        <a:defRPr>
          <a:latin typeface="+mn-lt"/>
          <a:ea typeface="+mn-ea"/>
          <a:cs typeface="+mn-cs"/>
        </a:defRPr>
      </a:lvl1pPr>
      <a:lvl2pPr marL="457200" eaLnBrk="1" hangingPunct="1">
        <a:defRPr>
          <a:latin typeface="+mn-lt"/>
          <a:ea typeface="+mn-ea"/>
          <a:cs typeface="+mn-cs"/>
        </a:defRPr>
      </a:lvl2pPr>
      <a:lvl3pPr marL="914400" eaLnBrk="1" hangingPunct="1">
        <a:defRPr>
          <a:latin typeface="+mn-lt"/>
          <a:ea typeface="+mn-ea"/>
          <a:cs typeface="+mn-cs"/>
        </a:defRPr>
      </a:lvl3pPr>
      <a:lvl4pPr marL="1371600" eaLnBrk="1" hangingPunct="1">
        <a:defRPr>
          <a:latin typeface="+mn-lt"/>
          <a:ea typeface="+mn-ea"/>
          <a:cs typeface="+mn-cs"/>
        </a:defRPr>
      </a:lvl4pPr>
      <a:lvl5pPr marL="1828800" eaLnBrk="1" hangingPunct="1">
        <a:defRPr>
          <a:latin typeface="+mn-lt"/>
          <a:ea typeface="+mn-ea"/>
          <a:cs typeface="+mn-cs"/>
        </a:defRPr>
      </a:lvl5pPr>
      <a:lvl6pPr marL="2286000" eaLnBrk="1" hangingPunct="1">
        <a:defRPr>
          <a:latin typeface="+mn-lt"/>
          <a:ea typeface="+mn-ea"/>
          <a:cs typeface="+mn-cs"/>
        </a:defRPr>
      </a:lvl6pPr>
      <a:lvl7pPr marL="2743200" eaLnBrk="1" hangingPunct="1">
        <a:defRPr>
          <a:latin typeface="+mn-lt"/>
          <a:ea typeface="+mn-ea"/>
          <a:cs typeface="+mn-cs"/>
        </a:defRPr>
      </a:lvl7pPr>
      <a:lvl8pPr marL="3200400" eaLnBrk="1" hangingPunct="1">
        <a:defRPr>
          <a:latin typeface="+mn-lt"/>
          <a:ea typeface="+mn-ea"/>
          <a:cs typeface="+mn-cs"/>
        </a:defRPr>
      </a:lvl8pPr>
      <a:lvl9pPr marL="3657600" eaLnBrk="1" hangingPunct="1">
        <a:defRPr>
          <a:latin typeface="+mn-lt"/>
          <a:ea typeface="+mn-ea"/>
          <a:cs typeface="+mn-cs"/>
        </a:defRPr>
      </a:lvl9pPr>
    </p:bodyStyle>
    <p:otherStyle>
      <a:lvl1pPr marL="0" eaLnBrk="1" hangingPunct="1">
        <a:defRPr>
          <a:latin typeface="+mn-lt"/>
          <a:ea typeface="+mn-ea"/>
          <a:cs typeface="+mn-cs"/>
        </a:defRPr>
      </a:lvl1pPr>
      <a:lvl2pPr marL="457200" eaLnBrk="1" hangingPunct="1">
        <a:defRPr>
          <a:latin typeface="+mn-lt"/>
          <a:ea typeface="+mn-ea"/>
          <a:cs typeface="+mn-cs"/>
        </a:defRPr>
      </a:lvl2pPr>
      <a:lvl3pPr marL="914400" eaLnBrk="1" hangingPunct="1">
        <a:defRPr>
          <a:latin typeface="+mn-lt"/>
          <a:ea typeface="+mn-ea"/>
          <a:cs typeface="+mn-cs"/>
        </a:defRPr>
      </a:lvl3pPr>
      <a:lvl4pPr marL="1371600" eaLnBrk="1" hangingPunct="1">
        <a:defRPr>
          <a:latin typeface="+mn-lt"/>
          <a:ea typeface="+mn-ea"/>
          <a:cs typeface="+mn-cs"/>
        </a:defRPr>
      </a:lvl4pPr>
      <a:lvl5pPr marL="1828800" eaLnBrk="1" hangingPunct="1">
        <a:defRPr>
          <a:latin typeface="+mn-lt"/>
          <a:ea typeface="+mn-ea"/>
          <a:cs typeface="+mn-cs"/>
        </a:defRPr>
      </a:lvl5pPr>
      <a:lvl6pPr marL="2286000" eaLnBrk="1" hangingPunct="1">
        <a:defRPr>
          <a:latin typeface="+mn-lt"/>
          <a:ea typeface="+mn-ea"/>
          <a:cs typeface="+mn-cs"/>
        </a:defRPr>
      </a:lvl6pPr>
      <a:lvl7pPr marL="2743200" eaLnBrk="1" hangingPunct="1">
        <a:defRPr>
          <a:latin typeface="+mn-lt"/>
          <a:ea typeface="+mn-ea"/>
          <a:cs typeface="+mn-cs"/>
        </a:defRPr>
      </a:lvl7pPr>
      <a:lvl8pPr marL="3200400" eaLnBrk="1" hangingPunct="1">
        <a:defRPr>
          <a:latin typeface="+mn-lt"/>
          <a:ea typeface="+mn-ea"/>
          <a:cs typeface="+mn-cs"/>
        </a:defRPr>
      </a:lvl8pPr>
      <a:lvl9pPr marL="3657600" eaLnBrk="1" hangingPunct="1">
        <a:defRPr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1005205" y="10482094"/>
            <a:ext cx="4690957" cy="60386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2638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6868901" y="10482094"/>
            <a:ext cx="6366298" cy="60386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2638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14407938" y="10482094"/>
            <a:ext cx="4690957" cy="60386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638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77EC6B2-DE67-364D-9F20-522343818DFE}" type="slidenum">
              <a:rPr lang="fr-FR" smtClean="0"/>
              <a:t>‹#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05803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8" r:id="rId1"/>
    <p:sldLayoutId id="2147483729" r:id="rId2"/>
    <p:sldLayoutId id="2147483730" r:id="rId3"/>
    <p:sldLayoutId id="2147483731" r:id="rId4"/>
    <p:sldLayoutId id="2147483732" r:id="rId5"/>
    <p:sldLayoutId id="2147483733" r:id="rId6"/>
    <p:sldLayoutId id="2147483735" r:id="rId7"/>
  </p:sldLayoutIdLst>
  <p:hf hdr="0" ftr="0" dt="0"/>
  <p:txStyles>
    <p:titleStyle>
      <a:lvl1pPr algn="ctr" defTabSz="1005200" rtl="0" eaLnBrk="1" latinLnBrk="0" hangingPunct="1">
        <a:spcBef>
          <a:spcPct val="0"/>
        </a:spcBef>
        <a:buNone/>
        <a:defRPr sz="9674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753900" indent="-753900" algn="l" defTabSz="1005200" rtl="0" eaLnBrk="1" latinLnBrk="0" hangingPunct="1">
        <a:spcBef>
          <a:spcPct val="20000"/>
        </a:spcBef>
        <a:buFont typeface="Arial"/>
        <a:buChar char="•"/>
        <a:defRPr sz="7036" kern="1200">
          <a:solidFill>
            <a:schemeClr val="tx1"/>
          </a:solidFill>
          <a:latin typeface="+mn-lt"/>
          <a:ea typeface="+mn-ea"/>
          <a:cs typeface="+mn-cs"/>
        </a:defRPr>
      </a:lvl1pPr>
      <a:lvl2pPr marL="1633450" indent="-628250" algn="l" defTabSz="1005200" rtl="0" eaLnBrk="1" latinLnBrk="0" hangingPunct="1">
        <a:spcBef>
          <a:spcPct val="20000"/>
        </a:spcBef>
        <a:buFont typeface="Arial"/>
        <a:buChar char="–"/>
        <a:defRPr sz="6156" kern="1200">
          <a:solidFill>
            <a:schemeClr val="tx1"/>
          </a:solidFill>
          <a:latin typeface="+mn-lt"/>
          <a:ea typeface="+mn-ea"/>
          <a:cs typeface="+mn-cs"/>
        </a:defRPr>
      </a:lvl2pPr>
      <a:lvl3pPr marL="2513000" indent="-502600" algn="l" defTabSz="1005200" rtl="0" eaLnBrk="1" latinLnBrk="0" hangingPunct="1">
        <a:spcBef>
          <a:spcPct val="20000"/>
        </a:spcBef>
        <a:buFont typeface="Arial"/>
        <a:buChar char="•"/>
        <a:defRPr sz="5277" kern="1200">
          <a:solidFill>
            <a:schemeClr val="tx1"/>
          </a:solidFill>
          <a:latin typeface="+mn-lt"/>
          <a:ea typeface="+mn-ea"/>
          <a:cs typeface="+mn-cs"/>
        </a:defRPr>
      </a:lvl3pPr>
      <a:lvl4pPr marL="3518200" indent="-502600" algn="l" defTabSz="1005200" rtl="0" eaLnBrk="1" latinLnBrk="0" hangingPunct="1">
        <a:spcBef>
          <a:spcPct val="20000"/>
        </a:spcBef>
        <a:buFont typeface="Arial"/>
        <a:buChar char="–"/>
        <a:defRPr sz="4397" kern="1200">
          <a:solidFill>
            <a:schemeClr val="tx1"/>
          </a:solidFill>
          <a:latin typeface="+mn-lt"/>
          <a:ea typeface="+mn-ea"/>
          <a:cs typeface="+mn-cs"/>
        </a:defRPr>
      </a:lvl4pPr>
      <a:lvl5pPr marL="4523400" indent="-502600" algn="l" defTabSz="1005200" rtl="0" eaLnBrk="1" latinLnBrk="0" hangingPunct="1">
        <a:spcBef>
          <a:spcPct val="20000"/>
        </a:spcBef>
        <a:buFont typeface="Arial"/>
        <a:buChar char="»"/>
        <a:defRPr sz="4397" kern="1200">
          <a:solidFill>
            <a:schemeClr val="tx1"/>
          </a:solidFill>
          <a:latin typeface="+mn-lt"/>
          <a:ea typeface="+mn-ea"/>
          <a:cs typeface="+mn-cs"/>
        </a:defRPr>
      </a:lvl5pPr>
      <a:lvl6pPr marL="5528600" indent="-502600" algn="l" defTabSz="1005200" rtl="0" eaLnBrk="1" latinLnBrk="0" hangingPunct="1">
        <a:spcBef>
          <a:spcPct val="20000"/>
        </a:spcBef>
        <a:buFont typeface="Arial"/>
        <a:buChar char="•"/>
        <a:defRPr sz="4397" kern="1200">
          <a:solidFill>
            <a:schemeClr val="tx1"/>
          </a:solidFill>
          <a:latin typeface="+mn-lt"/>
          <a:ea typeface="+mn-ea"/>
          <a:cs typeface="+mn-cs"/>
        </a:defRPr>
      </a:lvl6pPr>
      <a:lvl7pPr marL="6533799" indent="-502600" algn="l" defTabSz="1005200" rtl="0" eaLnBrk="1" latinLnBrk="0" hangingPunct="1">
        <a:spcBef>
          <a:spcPct val="20000"/>
        </a:spcBef>
        <a:buFont typeface="Arial"/>
        <a:buChar char="•"/>
        <a:defRPr sz="4397" kern="1200">
          <a:solidFill>
            <a:schemeClr val="tx1"/>
          </a:solidFill>
          <a:latin typeface="+mn-lt"/>
          <a:ea typeface="+mn-ea"/>
          <a:cs typeface="+mn-cs"/>
        </a:defRPr>
      </a:lvl7pPr>
      <a:lvl8pPr marL="7538999" indent="-502600" algn="l" defTabSz="1005200" rtl="0" eaLnBrk="1" latinLnBrk="0" hangingPunct="1">
        <a:spcBef>
          <a:spcPct val="20000"/>
        </a:spcBef>
        <a:buFont typeface="Arial"/>
        <a:buChar char="•"/>
        <a:defRPr sz="4397" kern="1200">
          <a:solidFill>
            <a:schemeClr val="tx1"/>
          </a:solidFill>
          <a:latin typeface="+mn-lt"/>
          <a:ea typeface="+mn-ea"/>
          <a:cs typeface="+mn-cs"/>
        </a:defRPr>
      </a:lvl8pPr>
      <a:lvl9pPr marL="8544199" indent="-502600" algn="l" defTabSz="1005200" rtl="0" eaLnBrk="1" latinLnBrk="0" hangingPunct="1">
        <a:spcBef>
          <a:spcPct val="20000"/>
        </a:spcBef>
        <a:buFont typeface="Arial"/>
        <a:buChar char="•"/>
        <a:defRPr sz="439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1005200" rtl="0" eaLnBrk="1" latinLnBrk="0" hangingPunct="1">
        <a:defRPr sz="3957" kern="1200">
          <a:solidFill>
            <a:schemeClr val="tx1"/>
          </a:solidFill>
          <a:latin typeface="+mn-lt"/>
          <a:ea typeface="+mn-ea"/>
          <a:cs typeface="+mn-cs"/>
        </a:defRPr>
      </a:lvl1pPr>
      <a:lvl2pPr marL="1005200" algn="l" defTabSz="1005200" rtl="0" eaLnBrk="1" latinLnBrk="0" hangingPunct="1">
        <a:defRPr sz="3957" kern="1200">
          <a:solidFill>
            <a:schemeClr val="tx1"/>
          </a:solidFill>
          <a:latin typeface="+mn-lt"/>
          <a:ea typeface="+mn-ea"/>
          <a:cs typeface="+mn-cs"/>
        </a:defRPr>
      </a:lvl2pPr>
      <a:lvl3pPr marL="2010400" algn="l" defTabSz="1005200" rtl="0" eaLnBrk="1" latinLnBrk="0" hangingPunct="1">
        <a:defRPr sz="3957" kern="1200">
          <a:solidFill>
            <a:schemeClr val="tx1"/>
          </a:solidFill>
          <a:latin typeface="+mn-lt"/>
          <a:ea typeface="+mn-ea"/>
          <a:cs typeface="+mn-cs"/>
        </a:defRPr>
      </a:lvl3pPr>
      <a:lvl4pPr marL="3015600" algn="l" defTabSz="1005200" rtl="0" eaLnBrk="1" latinLnBrk="0" hangingPunct="1">
        <a:defRPr sz="3957" kern="1200">
          <a:solidFill>
            <a:schemeClr val="tx1"/>
          </a:solidFill>
          <a:latin typeface="+mn-lt"/>
          <a:ea typeface="+mn-ea"/>
          <a:cs typeface="+mn-cs"/>
        </a:defRPr>
      </a:lvl4pPr>
      <a:lvl5pPr marL="4020800" algn="l" defTabSz="1005200" rtl="0" eaLnBrk="1" latinLnBrk="0" hangingPunct="1">
        <a:defRPr sz="3957" kern="1200">
          <a:solidFill>
            <a:schemeClr val="tx1"/>
          </a:solidFill>
          <a:latin typeface="+mn-lt"/>
          <a:ea typeface="+mn-ea"/>
          <a:cs typeface="+mn-cs"/>
        </a:defRPr>
      </a:lvl5pPr>
      <a:lvl6pPr marL="5026000" algn="l" defTabSz="1005200" rtl="0" eaLnBrk="1" latinLnBrk="0" hangingPunct="1">
        <a:defRPr sz="3957" kern="1200">
          <a:solidFill>
            <a:schemeClr val="tx1"/>
          </a:solidFill>
          <a:latin typeface="+mn-lt"/>
          <a:ea typeface="+mn-ea"/>
          <a:cs typeface="+mn-cs"/>
        </a:defRPr>
      </a:lvl6pPr>
      <a:lvl7pPr marL="6031200" algn="l" defTabSz="1005200" rtl="0" eaLnBrk="1" latinLnBrk="0" hangingPunct="1">
        <a:defRPr sz="3957" kern="1200">
          <a:solidFill>
            <a:schemeClr val="tx1"/>
          </a:solidFill>
          <a:latin typeface="+mn-lt"/>
          <a:ea typeface="+mn-ea"/>
          <a:cs typeface="+mn-cs"/>
        </a:defRPr>
      </a:lvl7pPr>
      <a:lvl8pPr marL="7036399" algn="l" defTabSz="1005200" rtl="0" eaLnBrk="1" latinLnBrk="0" hangingPunct="1">
        <a:defRPr sz="3957" kern="1200">
          <a:solidFill>
            <a:schemeClr val="tx1"/>
          </a:solidFill>
          <a:latin typeface="+mn-lt"/>
          <a:ea typeface="+mn-ea"/>
          <a:cs typeface="+mn-cs"/>
        </a:defRPr>
      </a:lvl8pPr>
      <a:lvl9pPr marL="8041599" algn="l" defTabSz="1005200" rtl="0" eaLnBrk="1" latinLnBrk="0" hangingPunct="1">
        <a:defRPr sz="3957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790792A7-E820-4C76-8E3B-C3F5FCD51C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46562" y="602119"/>
            <a:ext cx="17810976" cy="2185952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/>
          <a:p>
            <a:r>
              <a:rPr lang="fr-FR"/>
              <a:t>Modifiez le style du titre</a:t>
            </a:r>
            <a:endParaRPr lang="fr-CH"/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F749338A-8EDF-46A2-A9F4-3759008B1EC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146562" y="3010591"/>
            <a:ext cx="17810976" cy="717567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fr-FR"/>
              <a:t>Cliquez pour 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lang="fr-CH"/>
          </a:p>
        </p:txBody>
      </p:sp>
      <p:sp>
        <p:nvSpPr>
          <p:cNvPr id="10" name="Espace réservé de la date 2">
            <a:extLst>
              <a:ext uri="{FF2B5EF4-FFF2-40B4-BE49-F238E27FC236}">
                <a16:creationId xmlns:a16="http://schemas.microsoft.com/office/drawing/2014/main" id="{728E747F-583E-4A49-AA89-F688C42F737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7176661" y="10882251"/>
            <a:ext cx="1187250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45A27FC9-2130-484F-AA7F-B8DF05C79B2F}" type="datetime1">
              <a:rPr lang="fr-CH" smtClean="0"/>
              <a:t>10.12.2024</a:t>
            </a:fld>
            <a:endParaRPr lang="fr-CH"/>
          </a:p>
        </p:txBody>
      </p:sp>
      <p:sp>
        <p:nvSpPr>
          <p:cNvPr id="11" name="Espace réservé du pied de page 3">
            <a:extLst>
              <a:ext uri="{FF2B5EF4-FFF2-40B4-BE49-F238E27FC236}">
                <a16:creationId xmlns:a16="http://schemas.microsoft.com/office/drawing/2014/main" id="{F74839F3-C74A-47D7-B4C0-F461C0F5B3A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146563" y="10882251"/>
            <a:ext cx="7165299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lang="fr-CH" sz="1319">
                <a:solidFill>
                  <a:schemeClr val="accent1"/>
                </a:solidFill>
              </a:defRPr>
            </a:lvl1pPr>
          </a:lstStyle>
          <a:p>
            <a:endParaRPr lang="fr-CH"/>
          </a:p>
        </p:txBody>
      </p:sp>
      <p:sp>
        <p:nvSpPr>
          <p:cNvPr id="12" name="Espace réservé du numéro de diapositive 4">
            <a:extLst>
              <a:ext uri="{FF2B5EF4-FFF2-40B4-BE49-F238E27FC236}">
                <a16:creationId xmlns:a16="http://schemas.microsoft.com/office/drawing/2014/main" id="{59FBBBA5-3F16-448A-ABF4-EDD56F182CE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8363911" y="10882251"/>
            <a:ext cx="593625" cy="3562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lang="fr-CH" sz="1319" smtClean="0">
                <a:solidFill>
                  <a:schemeClr val="accent1"/>
                </a:solidFill>
              </a:defRPr>
            </a:lvl1pPr>
          </a:lstStyle>
          <a:p>
            <a:fld id="{51EB4858-C4CA-4302-B658-C0CD55F75DC2}" type="slidenum">
              <a:rPr lang="fr-CH" smtClean="0"/>
              <a:pPr/>
              <a:t>‹#›</a:t>
            </a:fld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36545264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7" r:id="rId1"/>
    <p:sldLayoutId id="2147483738" r:id="rId2"/>
    <p:sldLayoutId id="2147483739" r:id="rId3"/>
    <p:sldLayoutId id="2147483740" r:id="rId4"/>
    <p:sldLayoutId id="2147483741" r:id="rId5"/>
    <p:sldLayoutId id="2147483742" r:id="rId6"/>
    <p:sldLayoutId id="2147483743" r:id="rId7"/>
    <p:sldLayoutId id="2147483744" r:id="rId8"/>
    <p:sldLayoutId id="2147483745" r:id="rId9"/>
    <p:sldLayoutId id="2147483746" r:id="rId10"/>
    <p:sldLayoutId id="2147483747" r:id="rId11"/>
    <p:sldLayoutId id="2147483750" r:id="rId12"/>
  </p:sldLayoutIdLst>
  <p:hf sldNum="0" hdr="0" ftr="0" dt="0"/>
  <p:txStyles>
    <p:titleStyle>
      <a:lvl1pPr algn="ctr" defTabSz="1507846" rtl="0" eaLnBrk="1" latinLnBrk="0" hangingPunct="1">
        <a:lnSpc>
          <a:spcPct val="90000"/>
        </a:lnSpc>
        <a:spcBef>
          <a:spcPct val="0"/>
        </a:spcBef>
        <a:buNone/>
        <a:defRPr sz="7256" b="1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376961" indent="-376961" algn="l" defTabSz="1507846" rtl="0" eaLnBrk="1" latinLnBrk="0" hangingPunct="1">
        <a:lnSpc>
          <a:spcPct val="90000"/>
        </a:lnSpc>
        <a:spcBef>
          <a:spcPts val="1649"/>
        </a:spcBef>
        <a:buFont typeface="Arial" panose="020B0604020202020204" pitchFamily="34" charset="0"/>
        <a:buChar char="•"/>
        <a:defRPr sz="4617" kern="1200">
          <a:solidFill>
            <a:schemeClr val="tx1"/>
          </a:solidFill>
          <a:latin typeface="+mn-lt"/>
          <a:ea typeface="+mn-ea"/>
          <a:cs typeface="+mn-cs"/>
        </a:defRPr>
      </a:lvl1pPr>
      <a:lvl2pPr marL="1130884" indent="-376961" algn="l" defTabSz="1507846" rtl="0" eaLnBrk="1" latinLnBrk="0" hangingPunct="1">
        <a:lnSpc>
          <a:spcPct val="90000"/>
        </a:lnSpc>
        <a:spcBef>
          <a:spcPts val="824"/>
        </a:spcBef>
        <a:buFont typeface="Arial" panose="020B0604020202020204" pitchFamily="34" charset="0"/>
        <a:buChar char="•"/>
        <a:defRPr sz="3958" kern="1200">
          <a:solidFill>
            <a:schemeClr val="tx1"/>
          </a:solidFill>
          <a:latin typeface="+mn-lt"/>
          <a:ea typeface="+mn-ea"/>
          <a:cs typeface="+mn-cs"/>
        </a:defRPr>
      </a:lvl2pPr>
      <a:lvl3pPr marL="1884807" indent="-376961" algn="l" defTabSz="1507846" rtl="0" eaLnBrk="1" latinLnBrk="0" hangingPunct="1">
        <a:lnSpc>
          <a:spcPct val="90000"/>
        </a:lnSpc>
        <a:spcBef>
          <a:spcPts val="824"/>
        </a:spcBef>
        <a:buFont typeface="Arial" panose="020B0604020202020204" pitchFamily="34" charset="0"/>
        <a:buChar char="•"/>
        <a:defRPr sz="3298" kern="1200">
          <a:solidFill>
            <a:schemeClr val="tx1"/>
          </a:solidFill>
          <a:latin typeface="+mn-lt"/>
          <a:ea typeface="+mn-ea"/>
          <a:cs typeface="+mn-cs"/>
        </a:defRPr>
      </a:lvl3pPr>
      <a:lvl4pPr marL="2638730" indent="-376961" algn="l" defTabSz="1507846" rtl="0" eaLnBrk="1" latinLnBrk="0" hangingPunct="1">
        <a:lnSpc>
          <a:spcPct val="90000"/>
        </a:lnSpc>
        <a:spcBef>
          <a:spcPts val="824"/>
        </a:spcBef>
        <a:buFont typeface="Arial" panose="020B0604020202020204" pitchFamily="34" charset="0"/>
        <a:buChar char="•"/>
        <a:defRPr sz="2968" kern="1200">
          <a:solidFill>
            <a:schemeClr val="tx1"/>
          </a:solidFill>
          <a:latin typeface="+mn-lt"/>
          <a:ea typeface="+mn-ea"/>
          <a:cs typeface="+mn-cs"/>
        </a:defRPr>
      </a:lvl4pPr>
      <a:lvl5pPr marL="3392653" indent="-376961" algn="l" defTabSz="1507846" rtl="0" eaLnBrk="1" latinLnBrk="0" hangingPunct="1">
        <a:lnSpc>
          <a:spcPct val="90000"/>
        </a:lnSpc>
        <a:spcBef>
          <a:spcPts val="824"/>
        </a:spcBef>
        <a:buFont typeface="Arial" panose="020B0604020202020204" pitchFamily="34" charset="0"/>
        <a:buChar char="•"/>
        <a:defRPr sz="2968" kern="1200">
          <a:solidFill>
            <a:schemeClr val="tx1"/>
          </a:solidFill>
          <a:latin typeface="+mn-lt"/>
          <a:ea typeface="+mn-ea"/>
          <a:cs typeface="+mn-cs"/>
        </a:defRPr>
      </a:lvl5pPr>
      <a:lvl6pPr marL="4146575" indent="-376961" algn="l" defTabSz="1507846" rtl="0" eaLnBrk="1" latinLnBrk="0" hangingPunct="1">
        <a:lnSpc>
          <a:spcPct val="90000"/>
        </a:lnSpc>
        <a:spcBef>
          <a:spcPts val="824"/>
        </a:spcBef>
        <a:buFont typeface="Arial" panose="020B0604020202020204" pitchFamily="34" charset="0"/>
        <a:buChar char="•"/>
        <a:defRPr sz="2968" kern="1200">
          <a:solidFill>
            <a:schemeClr val="tx1"/>
          </a:solidFill>
          <a:latin typeface="+mn-lt"/>
          <a:ea typeface="+mn-ea"/>
          <a:cs typeface="+mn-cs"/>
        </a:defRPr>
      </a:lvl6pPr>
      <a:lvl7pPr marL="4900498" indent="-376961" algn="l" defTabSz="1507846" rtl="0" eaLnBrk="1" latinLnBrk="0" hangingPunct="1">
        <a:lnSpc>
          <a:spcPct val="90000"/>
        </a:lnSpc>
        <a:spcBef>
          <a:spcPts val="824"/>
        </a:spcBef>
        <a:buFont typeface="Arial" panose="020B0604020202020204" pitchFamily="34" charset="0"/>
        <a:buChar char="•"/>
        <a:defRPr sz="2968" kern="1200">
          <a:solidFill>
            <a:schemeClr val="tx1"/>
          </a:solidFill>
          <a:latin typeface="+mn-lt"/>
          <a:ea typeface="+mn-ea"/>
          <a:cs typeface="+mn-cs"/>
        </a:defRPr>
      </a:lvl7pPr>
      <a:lvl8pPr marL="5654421" indent="-376961" algn="l" defTabSz="1507846" rtl="0" eaLnBrk="1" latinLnBrk="0" hangingPunct="1">
        <a:lnSpc>
          <a:spcPct val="90000"/>
        </a:lnSpc>
        <a:spcBef>
          <a:spcPts val="824"/>
        </a:spcBef>
        <a:buFont typeface="Arial" panose="020B0604020202020204" pitchFamily="34" charset="0"/>
        <a:buChar char="•"/>
        <a:defRPr sz="2968" kern="1200">
          <a:solidFill>
            <a:schemeClr val="tx1"/>
          </a:solidFill>
          <a:latin typeface="+mn-lt"/>
          <a:ea typeface="+mn-ea"/>
          <a:cs typeface="+mn-cs"/>
        </a:defRPr>
      </a:lvl8pPr>
      <a:lvl9pPr marL="6408344" indent="-376961" algn="l" defTabSz="1507846" rtl="0" eaLnBrk="1" latinLnBrk="0" hangingPunct="1">
        <a:lnSpc>
          <a:spcPct val="90000"/>
        </a:lnSpc>
        <a:spcBef>
          <a:spcPts val="824"/>
        </a:spcBef>
        <a:buFont typeface="Arial" panose="020B0604020202020204" pitchFamily="34" charset="0"/>
        <a:buChar char="•"/>
        <a:defRPr sz="2968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1507846" rtl="0" eaLnBrk="1" latinLnBrk="0" hangingPunct="1">
        <a:defRPr sz="2968" kern="1200">
          <a:solidFill>
            <a:schemeClr val="tx1"/>
          </a:solidFill>
          <a:latin typeface="+mn-lt"/>
          <a:ea typeface="+mn-ea"/>
          <a:cs typeface="+mn-cs"/>
        </a:defRPr>
      </a:lvl1pPr>
      <a:lvl2pPr marL="753923" algn="l" defTabSz="1507846" rtl="0" eaLnBrk="1" latinLnBrk="0" hangingPunct="1">
        <a:defRPr sz="2968" kern="1200">
          <a:solidFill>
            <a:schemeClr val="tx1"/>
          </a:solidFill>
          <a:latin typeface="+mn-lt"/>
          <a:ea typeface="+mn-ea"/>
          <a:cs typeface="+mn-cs"/>
        </a:defRPr>
      </a:lvl2pPr>
      <a:lvl3pPr marL="1507846" algn="l" defTabSz="1507846" rtl="0" eaLnBrk="1" latinLnBrk="0" hangingPunct="1">
        <a:defRPr sz="2968" kern="1200">
          <a:solidFill>
            <a:schemeClr val="tx1"/>
          </a:solidFill>
          <a:latin typeface="+mn-lt"/>
          <a:ea typeface="+mn-ea"/>
          <a:cs typeface="+mn-cs"/>
        </a:defRPr>
      </a:lvl3pPr>
      <a:lvl4pPr marL="2261768" algn="l" defTabSz="1507846" rtl="0" eaLnBrk="1" latinLnBrk="0" hangingPunct="1">
        <a:defRPr sz="2968" kern="1200">
          <a:solidFill>
            <a:schemeClr val="tx1"/>
          </a:solidFill>
          <a:latin typeface="+mn-lt"/>
          <a:ea typeface="+mn-ea"/>
          <a:cs typeface="+mn-cs"/>
        </a:defRPr>
      </a:lvl4pPr>
      <a:lvl5pPr marL="3015691" algn="l" defTabSz="1507846" rtl="0" eaLnBrk="1" latinLnBrk="0" hangingPunct="1">
        <a:defRPr sz="2968" kern="1200">
          <a:solidFill>
            <a:schemeClr val="tx1"/>
          </a:solidFill>
          <a:latin typeface="+mn-lt"/>
          <a:ea typeface="+mn-ea"/>
          <a:cs typeface="+mn-cs"/>
        </a:defRPr>
      </a:lvl5pPr>
      <a:lvl6pPr marL="3769614" algn="l" defTabSz="1507846" rtl="0" eaLnBrk="1" latinLnBrk="0" hangingPunct="1">
        <a:defRPr sz="2968" kern="1200">
          <a:solidFill>
            <a:schemeClr val="tx1"/>
          </a:solidFill>
          <a:latin typeface="+mn-lt"/>
          <a:ea typeface="+mn-ea"/>
          <a:cs typeface="+mn-cs"/>
        </a:defRPr>
      </a:lvl6pPr>
      <a:lvl7pPr marL="4523537" algn="l" defTabSz="1507846" rtl="0" eaLnBrk="1" latinLnBrk="0" hangingPunct="1">
        <a:defRPr sz="2968" kern="1200">
          <a:solidFill>
            <a:schemeClr val="tx1"/>
          </a:solidFill>
          <a:latin typeface="+mn-lt"/>
          <a:ea typeface="+mn-ea"/>
          <a:cs typeface="+mn-cs"/>
        </a:defRPr>
      </a:lvl7pPr>
      <a:lvl8pPr marL="5277460" algn="l" defTabSz="1507846" rtl="0" eaLnBrk="1" latinLnBrk="0" hangingPunct="1">
        <a:defRPr sz="2968" kern="1200">
          <a:solidFill>
            <a:schemeClr val="tx1"/>
          </a:solidFill>
          <a:latin typeface="+mn-lt"/>
          <a:ea typeface="+mn-ea"/>
          <a:cs typeface="+mn-cs"/>
        </a:defRPr>
      </a:lvl8pPr>
      <a:lvl9pPr marL="6031382" algn="l" defTabSz="1507846" rtl="0" eaLnBrk="1" latinLnBrk="0" hangingPunct="1">
        <a:defRPr sz="2968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3840">
          <p15:clr>
            <a:srgbClr val="F26B43"/>
          </p15:clr>
        </p15:guide>
        <p15:guide id="2" pos="438">
          <p15:clr>
            <a:srgbClr val="F26B43"/>
          </p15:clr>
        </p15:guide>
        <p15:guide id="3" pos="7242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0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png"/><Relationship Id="rId3" Type="http://schemas.openxmlformats.org/officeDocument/2006/relationships/image" Target="../media/image22.png"/><Relationship Id="rId7" Type="http://schemas.openxmlformats.org/officeDocument/2006/relationships/image" Target="../media/image38.sv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1.xml"/><Relationship Id="rId6" Type="http://schemas.openxmlformats.org/officeDocument/2006/relationships/image" Target="../media/image37.png"/><Relationship Id="rId11" Type="http://schemas.openxmlformats.org/officeDocument/2006/relationships/image" Target="../media/image42.svg"/><Relationship Id="rId5" Type="http://schemas.openxmlformats.org/officeDocument/2006/relationships/image" Target="../media/image36.svg"/><Relationship Id="rId10" Type="http://schemas.openxmlformats.org/officeDocument/2006/relationships/image" Target="../media/image41.png"/><Relationship Id="rId4" Type="http://schemas.openxmlformats.org/officeDocument/2006/relationships/image" Target="../media/image35.png"/><Relationship Id="rId9" Type="http://schemas.openxmlformats.org/officeDocument/2006/relationships/image" Target="../media/image40.sv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0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2.xml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45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Relationship Id="rId9" Type="http://schemas.openxmlformats.org/officeDocument/2006/relationships/image" Target="../media/image2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45.xml"/><Relationship Id="rId4" Type="http://schemas.openxmlformats.org/officeDocument/2006/relationships/image" Target="../media/image24.jpe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jpg"/><Relationship Id="rId1" Type="http://schemas.openxmlformats.org/officeDocument/2006/relationships/slideLayout" Target="../slideLayouts/slideLayout4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1.svg"/><Relationship Id="rId3" Type="http://schemas.openxmlformats.org/officeDocument/2006/relationships/image" Target="../media/image26.png"/><Relationship Id="rId7" Type="http://schemas.openxmlformats.org/officeDocument/2006/relationships/image" Target="../media/image3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1.xml"/><Relationship Id="rId6" Type="http://schemas.openxmlformats.org/officeDocument/2006/relationships/image" Target="../media/image29.svg"/><Relationship Id="rId5" Type="http://schemas.openxmlformats.org/officeDocument/2006/relationships/image" Target="../media/image28.png"/><Relationship Id="rId4" Type="http://schemas.openxmlformats.org/officeDocument/2006/relationships/image" Target="../media/image27.svg"/><Relationship Id="rId9" Type="http://schemas.openxmlformats.org/officeDocument/2006/relationships/image" Target="../media/image32.jp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4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47.xml"/><Relationship Id="rId4" Type="http://schemas.openxmlformats.org/officeDocument/2006/relationships/hyperlink" Target="https://www.peoplematters.in/article/employee-engagement/novartis-indias-volunteering-journey-a-success-story-19679" TargetMode="Externa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re 1">
            <a:extLst>
              <a:ext uri="{FF2B5EF4-FFF2-40B4-BE49-F238E27FC236}">
                <a16:creationId xmlns:a16="http://schemas.microsoft.com/office/drawing/2014/main" id="{80FC83CE-01BF-466B-9C38-15BE8901D3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53770" y="3793683"/>
            <a:ext cx="17338675" cy="1674429"/>
          </a:xfrm>
        </p:spPr>
        <p:txBody>
          <a:bodyPr>
            <a:normAutofit fontScale="90000"/>
          </a:bodyPr>
          <a:lstStyle/>
          <a:p>
            <a:pPr algn="l"/>
            <a:r>
              <a:rPr lang="en-US" sz="8000" b="1" dirty="0">
                <a:solidFill>
                  <a:schemeClr val="bg1"/>
                </a:solidFill>
              </a:rPr>
              <a:t>B</a:t>
            </a:r>
            <a:r>
              <a:rPr lang="fr-CH" sz="8000" b="1" dirty="0" err="1">
                <a:solidFill>
                  <a:schemeClr val="bg1"/>
                </a:solidFill>
              </a:rPr>
              <a:t>uilding</a:t>
            </a:r>
            <a:r>
              <a:rPr lang="fr-CH" sz="8000" b="1" dirty="0">
                <a:solidFill>
                  <a:schemeClr val="bg1"/>
                </a:solidFill>
              </a:rPr>
              <a:t> an </a:t>
            </a:r>
            <a:r>
              <a:rPr lang="fr-CH" sz="8000" b="1" dirty="0" err="1">
                <a:solidFill>
                  <a:schemeClr val="bg1"/>
                </a:solidFill>
              </a:rPr>
              <a:t>Institutional</a:t>
            </a:r>
            <a:r>
              <a:rPr lang="fr-CH" sz="8000" b="1" dirty="0">
                <a:solidFill>
                  <a:schemeClr val="bg1"/>
                </a:solidFill>
              </a:rPr>
              <a:t> Culture of Academic Quality Assurance</a:t>
            </a:r>
            <a:br>
              <a:rPr lang="fr-CH" sz="8000" dirty="0">
                <a:solidFill>
                  <a:schemeClr val="bg1"/>
                </a:solidFill>
              </a:rPr>
            </a:br>
            <a:br>
              <a:rPr lang="fr-CH" sz="8000" dirty="0">
                <a:solidFill>
                  <a:schemeClr val="bg1"/>
                </a:solidFill>
              </a:rPr>
            </a:br>
            <a:r>
              <a:rPr lang="fr-CH" sz="4900" dirty="0" err="1">
                <a:solidFill>
                  <a:schemeClr val="bg1"/>
                </a:solidFill>
              </a:rPr>
              <a:t>Approaches</a:t>
            </a:r>
            <a:r>
              <a:rPr lang="fr-CH" sz="4900" dirty="0">
                <a:solidFill>
                  <a:schemeClr val="bg1"/>
                </a:solidFill>
              </a:rPr>
              <a:t> </a:t>
            </a:r>
            <a:r>
              <a:rPr lang="fr-CH" sz="4900" dirty="0" err="1">
                <a:solidFill>
                  <a:schemeClr val="bg1"/>
                </a:solidFill>
              </a:rPr>
              <a:t>from</a:t>
            </a:r>
            <a:r>
              <a:rPr lang="fr-CH" sz="4900" dirty="0">
                <a:solidFill>
                  <a:schemeClr val="bg1"/>
                </a:solidFill>
              </a:rPr>
              <a:t> </a:t>
            </a:r>
            <a:r>
              <a:rPr lang="fr-CH" sz="4900" dirty="0" err="1">
                <a:solidFill>
                  <a:schemeClr val="bg1"/>
                </a:solidFill>
              </a:rPr>
              <a:t>EHL’s</a:t>
            </a:r>
            <a:r>
              <a:rPr lang="fr-CH" sz="4900" dirty="0">
                <a:solidFill>
                  <a:schemeClr val="bg1"/>
                </a:solidFill>
              </a:rPr>
              <a:t> Practices and </a:t>
            </a:r>
            <a:r>
              <a:rPr lang="fr-CH" sz="4900" dirty="0" err="1">
                <a:solidFill>
                  <a:schemeClr val="bg1"/>
                </a:solidFill>
              </a:rPr>
              <a:t>Educational</a:t>
            </a:r>
            <a:r>
              <a:rPr lang="fr-CH" sz="4900" dirty="0">
                <a:solidFill>
                  <a:schemeClr val="bg1"/>
                </a:solidFill>
              </a:rPr>
              <a:t> </a:t>
            </a:r>
            <a:r>
              <a:rPr lang="fr-CH" sz="4900" dirty="0" err="1">
                <a:solidFill>
                  <a:schemeClr val="bg1"/>
                </a:solidFill>
              </a:rPr>
              <a:t>Philosophy</a:t>
            </a:r>
            <a:endParaRPr lang="fr-CH" sz="8000" dirty="0">
              <a:solidFill>
                <a:schemeClr val="bg1"/>
              </a:solidFill>
            </a:endParaRPr>
          </a:p>
        </p:txBody>
      </p:sp>
      <p:sp>
        <p:nvSpPr>
          <p:cNvPr id="4" name="Text Placeholder 1">
            <a:extLst>
              <a:ext uri="{FF2B5EF4-FFF2-40B4-BE49-F238E27FC236}">
                <a16:creationId xmlns:a16="http://schemas.microsoft.com/office/drawing/2014/main" id="{298A9187-4857-E72E-5C61-BF3D79F0CA0C}"/>
              </a:ext>
            </a:extLst>
          </p:cNvPr>
          <p:cNvSpPr txBox="1">
            <a:spLocks/>
          </p:cNvSpPr>
          <p:nvPr/>
        </p:nvSpPr>
        <p:spPr>
          <a:xfrm>
            <a:off x="8893810" y="8870315"/>
            <a:ext cx="4639310" cy="762000"/>
          </a:xfrm>
          <a:prstGeom prst="rect">
            <a:avLst/>
          </a:prstGeom>
        </p:spPr>
        <p:txBody>
          <a:bodyPr/>
          <a:lstStyle>
            <a:lvl1pPr marL="0" eaLnBrk="1" hangingPunct="1">
              <a:defRPr sz="18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eaLnBrk="1" hangingPunct="1">
              <a:defRPr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914400" eaLnBrk="1" hangingPunct="1">
              <a:defRPr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1371600" eaLnBrk="1" hangingPunct="1">
              <a:defRPr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1828800" eaLnBrk="1" hangingPunct="1">
              <a:defRPr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2286000" eaLnBrk="1" hangingPunct="1">
              <a:defRPr>
                <a:latin typeface="+mn-lt"/>
                <a:ea typeface="+mn-ea"/>
                <a:cs typeface="+mn-cs"/>
              </a:defRPr>
            </a:lvl6pPr>
            <a:lvl7pPr marL="2743200" eaLnBrk="1" hangingPunct="1">
              <a:defRPr>
                <a:latin typeface="+mn-lt"/>
                <a:ea typeface="+mn-ea"/>
                <a:cs typeface="+mn-cs"/>
              </a:defRPr>
            </a:lvl7pPr>
            <a:lvl8pPr marL="3200400" eaLnBrk="1" hangingPunct="1">
              <a:defRPr>
                <a:latin typeface="+mn-lt"/>
                <a:ea typeface="+mn-ea"/>
                <a:cs typeface="+mn-cs"/>
              </a:defRPr>
            </a:lvl8pPr>
            <a:lvl9pPr marL="3657600" eaLnBrk="1" hangingPunct="1">
              <a:defRPr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en-US" kern="0" dirty="0"/>
          </a:p>
          <a:p>
            <a:pPr algn="r"/>
            <a:r>
              <a:rPr lang="en-US" kern="0" dirty="0"/>
              <a:t>November 27, 2024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0E62000-1ABF-DAE4-B45B-7C0160ECD19A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1136650" y="7864475"/>
            <a:ext cx="4733798" cy="762000"/>
          </a:xfrm>
        </p:spPr>
        <p:txBody>
          <a:bodyPr/>
          <a:lstStyle/>
          <a:p>
            <a:r>
              <a:rPr lang="en-US" dirty="0"/>
              <a:t>Nathalie L’HUILLIER, PhD</a:t>
            </a:r>
          </a:p>
          <a:p>
            <a:r>
              <a:rPr lang="en-US" dirty="0"/>
              <a:t>Certification &amp; Accreditation Manager</a:t>
            </a:r>
            <a:endParaRPr lang="fr-CH" dirty="0"/>
          </a:p>
        </p:txBody>
      </p:sp>
      <p:sp>
        <p:nvSpPr>
          <p:cNvPr id="2" name="Text Placeholder 6">
            <a:extLst>
              <a:ext uri="{FF2B5EF4-FFF2-40B4-BE49-F238E27FC236}">
                <a16:creationId xmlns:a16="http://schemas.microsoft.com/office/drawing/2014/main" id="{A116BFFF-651A-BEAF-3B10-E263B7912BCC}"/>
              </a:ext>
            </a:extLst>
          </p:cNvPr>
          <p:cNvSpPr txBox="1">
            <a:spLocks/>
          </p:cNvSpPr>
          <p:nvPr/>
        </p:nvSpPr>
        <p:spPr>
          <a:xfrm>
            <a:off x="1136650" y="8889238"/>
            <a:ext cx="4733798" cy="762000"/>
          </a:xfrm>
          <a:prstGeom prst="rect">
            <a:avLst/>
          </a:prstGeom>
        </p:spPr>
        <p:txBody>
          <a:bodyPr/>
          <a:lstStyle>
            <a:lvl1pPr marL="0" eaLnBrk="1" hangingPunct="1">
              <a:defRPr sz="18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eaLnBrk="1" hangingPunct="1">
              <a:defRPr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 marL="914400" eaLnBrk="1" hangingPunct="1">
              <a:defRPr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 marL="1371600" eaLnBrk="1" hangingPunct="1">
              <a:defRPr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1828800" eaLnBrk="1" hangingPunct="1">
              <a:defRPr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5pPr>
            <a:lvl6pPr marL="2286000" eaLnBrk="1" hangingPunct="1">
              <a:defRPr>
                <a:latin typeface="+mn-lt"/>
                <a:ea typeface="+mn-ea"/>
                <a:cs typeface="+mn-cs"/>
              </a:defRPr>
            </a:lvl6pPr>
            <a:lvl7pPr marL="2743200" eaLnBrk="1" hangingPunct="1">
              <a:defRPr>
                <a:latin typeface="+mn-lt"/>
                <a:ea typeface="+mn-ea"/>
                <a:cs typeface="+mn-cs"/>
              </a:defRPr>
            </a:lvl7pPr>
            <a:lvl8pPr marL="3200400" eaLnBrk="1" hangingPunct="1">
              <a:defRPr>
                <a:latin typeface="+mn-lt"/>
                <a:ea typeface="+mn-ea"/>
                <a:cs typeface="+mn-cs"/>
              </a:defRPr>
            </a:lvl8pPr>
            <a:lvl9pPr marL="3657600" eaLnBrk="1" hangingPunct="1">
              <a:defRPr>
                <a:latin typeface="+mn-lt"/>
                <a:ea typeface="+mn-ea"/>
                <a:cs typeface="+mn-cs"/>
              </a:defRPr>
            </a:lvl9pPr>
          </a:lstStyle>
          <a:p>
            <a:r>
              <a:rPr lang="en-US" kern="0" dirty="0"/>
              <a:t>Mario SIDES DURA</a:t>
            </a:r>
          </a:p>
          <a:p>
            <a:r>
              <a:rPr lang="en-US" kern="0" dirty="0"/>
              <a:t>Certification Project Manager</a:t>
            </a:r>
            <a:endParaRPr lang="fr-CH" kern="0" dirty="0"/>
          </a:p>
        </p:txBody>
      </p:sp>
    </p:spTree>
    <p:extLst>
      <p:ext uri="{BB962C8B-B14F-4D97-AF65-F5344CB8AC3E}">
        <p14:creationId xmlns:p14="http://schemas.microsoft.com/office/powerpoint/2010/main" val="320745447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393638A-A74B-1525-A1AB-8258AD2D446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Questions?</a:t>
            </a:r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8932898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Rectangle: Diagonal Corners Snipped 49">
            <a:extLst>
              <a:ext uri="{FF2B5EF4-FFF2-40B4-BE49-F238E27FC236}">
                <a16:creationId xmlns:a16="http://schemas.microsoft.com/office/drawing/2014/main" id="{BD828285-0A58-B120-926D-DB5E933D4563}"/>
              </a:ext>
            </a:extLst>
          </p:cNvPr>
          <p:cNvSpPr/>
          <p:nvPr/>
        </p:nvSpPr>
        <p:spPr>
          <a:xfrm>
            <a:off x="3080893" y="9156286"/>
            <a:ext cx="3987147" cy="1741533"/>
          </a:xfrm>
          <a:prstGeom prst="snip2Diag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48" name="Rectangle: Diagonal Corners Snipped 47">
            <a:extLst>
              <a:ext uri="{FF2B5EF4-FFF2-40B4-BE49-F238E27FC236}">
                <a16:creationId xmlns:a16="http://schemas.microsoft.com/office/drawing/2014/main" id="{24CDC968-6B05-4A53-4E88-72D781948E1A}"/>
              </a:ext>
            </a:extLst>
          </p:cNvPr>
          <p:cNvSpPr/>
          <p:nvPr/>
        </p:nvSpPr>
        <p:spPr>
          <a:xfrm>
            <a:off x="3017156" y="4045820"/>
            <a:ext cx="3987147" cy="1741533"/>
          </a:xfrm>
          <a:prstGeom prst="snip2Diag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49" name="Rectangle: Diagonal Corners Snipped 48">
            <a:extLst>
              <a:ext uri="{FF2B5EF4-FFF2-40B4-BE49-F238E27FC236}">
                <a16:creationId xmlns:a16="http://schemas.microsoft.com/office/drawing/2014/main" id="{370FA239-5ADD-2AD2-5C21-EA0381A88F92}"/>
              </a:ext>
            </a:extLst>
          </p:cNvPr>
          <p:cNvSpPr/>
          <p:nvPr/>
        </p:nvSpPr>
        <p:spPr>
          <a:xfrm>
            <a:off x="3017157" y="6428158"/>
            <a:ext cx="3987147" cy="1947654"/>
          </a:xfrm>
          <a:prstGeom prst="snip2Diag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47" name="Rectangle: Diagonal Corners Snipped 46">
            <a:extLst>
              <a:ext uri="{FF2B5EF4-FFF2-40B4-BE49-F238E27FC236}">
                <a16:creationId xmlns:a16="http://schemas.microsoft.com/office/drawing/2014/main" id="{D505A45E-D002-EF05-3263-E0CDAF19BCD3}"/>
              </a:ext>
            </a:extLst>
          </p:cNvPr>
          <p:cNvSpPr/>
          <p:nvPr/>
        </p:nvSpPr>
        <p:spPr>
          <a:xfrm>
            <a:off x="3017157" y="1865376"/>
            <a:ext cx="3987147" cy="1741533"/>
          </a:xfrm>
          <a:prstGeom prst="snip2Diag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4" name="Slide Number Placeholder 3" hidden="1">
            <a:extLst>
              <a:ext uri="{FF2B5EF4-FFF2-40B4-BE49-F238E27FC236}">
                <a16:creationId xmlns:a16="http://schemas.microsoft.com/office/drawing/2014/main" id="{A86426CA-6EE5-48CF-859F-273198E19C3B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9510375" y="10882313"/>
            <a:ext cx="593725" cy="355600"/>
          </a:xfrm>
        </p:spPr>
        <p:txBody>
          <a:bodyPr/>
          <a:lstStyle/>
          <a:p>
            <a:pPr marL="0" marR="0" lvl="0" indent="0" algn="r" defTabSz="15078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51EB4858-C4CA-4302-B658-C0CD55F75DC2}" type="slidenum">
              <a:rPr kumimoji="0" lang="fr-CH" sz="1319" b="0" i="0" u="none" strike="noStrike" kern="1200" cap="none" spc="0" normalizeH="0" baseline="0" noProof="0">
                <a:ln>
                  <a:noFill/>
                </a:ln>
                <a:solidFill>
                  <a:srgbClr val="001436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pPr marL="0" marR="0" lvl="0" indent="0" algn="r" defTabSz="150784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fr-CH" sz="1319" b="0" i="0" u="none" strike="noStrike" kern="1200" cap="none" spc="0" normalizeH="0" baseline="0" noProof="0">
              <a:ln>
                <a:noFill/>
              </a:ln>
              <a:solidFill>
                <a:srgbClr val="001436"/>
              </a:solidFill>
              <a:effectLst/>
              <a:uLnTx/>
              <a:uFillTx/>
              <a:latin typeface="Century Gothic"/>
              <a:ea typeface="+mn-ea"/>
              <a:cs typeface="+mn-cs"/>
            </a:endParaRP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3B2A6AC9-9DE3-988D-54F2-77AAEC52EB30}"/>
              </a:ext>
            </a:extLst>
          </p:cNvPr>
          <p:cNvSpPr txBox="1">
            <a:spLocks/>
          </p:cNvSpPr>
          <p:nvPr/>
        </p:nvSpPr>
        <p:spPr>
          <a:xfrm>
            <a:off x="1917700" y="1"/>
            <a:ext cx="16268700" cy="1426464"/>
          </a:xfrm>
          <a:prstGeom prst="rect">
            <a:avLst/>
          </a:prstGeom>
        </p:spPr>
        <p:txBody>
          <a:bodyPr vert="horz" lIns="0" tIns="0" rIns="0" bIns="0" rtlCol="0" anchor="ctr">
            <a:normAutofit fontScale="97500"/>
          </a:bodyPr>
          <a:lstStyle>
            <a:lvl1pPr algn="ctr" defTabSz="1507846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7256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CH" dirty="0"/>
              <a:t>Key </a:t>
            </a:r>
            <a:r>
              <a:rPr lang="fr-CH" dirty="0" err="1"/>
              <a:t>Takeaways</a:t>
            </a:r>
            <a:endParaRPr lang="fr-CH" dirty="0"/>
          </a:p>
        </p:txBody>
      </p:sp>
      <p:cxnSp>
        <p:nvCxnSpPr>
          <p:cNvPr id="3" name="Straight Connector 2">
            <a:extLst>
              <a:ext uri="{FF2B5EF4-FFF2-40B4-BE49-F238E27FC236}">
                <a16:creationId xmlns:a16="http://schemas.microsoft.com/office/drawing/2014/main" id="{C7BE489F-A9CB-C503-4296-FB1552E52FEE}"/>
              </a:ext>
            </a:extLst>
          </p:cNvPr>
          <p:cNvCxnSpPr/>
          <p:nvPr/>
        </p:nvCxnSpPr>
        <p:spPr>
          <a:xfrm>
            <a:off x="2521204" y="3675888"/>
            <a:ext cx="1580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220DAB29-5374-9581-CA82-92B101E880A3}"/>
              </a:ext>
            </a:extLst>
          </p:cNvPr>
          <p:cNvCxnSpPr/>
          <p:nvPr/>
        </p:nvCxnSpPr>
        <p:spPr>
          <a:xfrm>
            <a:off x="2521204" y="6096000"/>
            <a:ext cx="1580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1753DCCD-58D1-DD36-AF34-AA6D75255200}"/>
              </a:ext>
            </a:extLst>
          </p:cNvPr>
          <p:cNvCxnSpPr/>
          <p:nvPr/>
        </p:nvCxnSpPr>
        <p:spPr>
          <a:xfrm>
            <a:off x="2521204" y="8766048"/>
            <a:ext cx="1580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4E5B0350-30AD-4F2D-9AF7-51F5A84A0CFD}"/>
              </a:ext>
            </a:extLst>
          </p:cNvPr>
          <p:cNvSpPr txBox="1"/>
          <p:nvPr/>
        </p:nvSpPr>
        <p:spPr>
          <a:xfrm>
            <a:off x="3017156" y="2179808"/>
            <a:ext cx="3859131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</a:rPr>
              <a:t>Importance of Quality Culture</a:t>
            </a:r>
            <a:endParaRPr lang="fr-CH" sz="3200" b="1" dirty="0">
              <a:solidFill>
                <a:schemeClr val="bg1"/>
              </a:solidFill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406B80AA-B8E1-3EE6-EE95-7A0F9B922371}"/>
              </a:ext>
            </a:extLst>
          </p:cNvPr>
          <p:cNvSpPr txBox="1"/>
          <p:nvPr/>
        </p:nvSpPr>
        <p:spPr>
          <a:xfrm>
            <a:off x="7515101" y="2302919"/>
            <a:ext cx="1075629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b="1" dirty="0"/>
              <a:t>Ensures institutional alignment with excellence.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2800" b="1" dirty="0"/>
              <a:t>Drives measurable improvements in education outcomes.</a:t>
            </a:r>
            <a:endParaRPr lang="fr-CH" sz="2800" b="1" dirty="0"/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B3066A8E-7F22-21A5-242E-B900AC231CF0}"/>
              </a:ext>
            </a:extLst>
          </p:cNvPr>
          <p:cNvSpPr txBox="1"/>
          <p:nvPr/>
        </p:nvSpPr>
        <p:spPr>
          <a:xfrm>
            <a:off x="3017156" y="4101213"/>
            <a:ext cx="3859131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3200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trategies for Building a Quality Culture</a:t>
            </a:r>
            <a:endParaRPr lang="fr-CH" dirty="0"/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437C617B-019D-F5C4-7370-B08B96AB24C7}"/>
              </a:ext>
            </a:extLst>
          </p:cNvPr>
          <p:cNvSpPr txBox="1"/>
          <p:nvPr/>
        </p:nvSpPr>
        <p:spPr>
          <a:xfrm>
            <a:off x="7515101" y="4566073"/>
            <a:ext cx="1124668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3200" b="1">
                <a:solidFill>
                  <a:schemeClr val="bg1"/>
                </a:solidFill>
              </a:defRPr>
            </a:lvl1pPr>
          </a:lstStyle>
          <a:p>
            <a:pPr marL="457200" indent="-457200" algn="l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chemeClr val="tx1"/>
                </a:solidFill>
              </a:rPr>
              <a:t>Empowerment, accountability, and leadership.</a:t>
            </a:r>
          </a:p>
          <a:p>
            <a:pPr marL="457200" indent="-457200" algn="l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chemeClr val="tx1"/>
                </a:solidFill>
              </a:rPr>
              <a:t>Effective communication and inclusive collaboration</a:t>
            </a:r>
            <a:r>
              <a:rPr lang="en-US" dirty="0">
                <a:solidFill>
                  <a:schemeClr val="tx1"/>
                </a:solidFill>
              </a:rPr>
              <a:t>.</a:t>
            </a:r>
            <a:endParaRPr lang="fr-CH" dirty="0">
              <a:solidFill>
                <a:schemeClr val="tx1"/>
              </a:solidFill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733F72AF-886E-BF2C-B233-AF6F52B5FD10}"/>
              </a:ext>
            </a:extLst>
          </p:cNvPr>
          <p:cNvSpPr txBox="1"/>
          <p:nvPr/>
        </p:nvSpPr>
        <p:spPr>
          <a:xfrm>
            <a:off x="3017157" y="6787598"/>
            <a:ext cx="3859131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3200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Key Elements of Quality Assurance</a:t>
            </a:r>
            <a:endParaRPr lang="fr-CH" dirty="0"/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707561BF-B348-16F6-51AF-60A84DA7547D}"/>
              </a:ext>
            </a:extLst>
          </p:cNvPr>
          <p:cNvSpPr txBox="1"/>
          <p:nvPr/>
        </p:nvSpPr>
        <p:spPr>
          <a:xfrm>
            <a:off x="7515101" y="6307535"/>
            <a:ext cx="11246686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3200" b="1">
                <a:solidFill>
                  <a:schemeClr val="bg1"/>
                </a:solidFill>
              </a:defRPr>
            </a:lvl1pPr>
          </a:lstStyle>
          <a:p>
            <a:pPr marL="457200" indent="-457200" algn="l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chemeClr val="tx1"/>
                </a:solidFill>
              </a:rPr>
              <a:t>Robust Data Collection: Accurate and actionable data is critical.</a:t>
            </a:r>
          </a:p>
          <a:p>
            <a:pPr marL="457200" indent="-457200" algn="l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chemeClr val="tx1"/>
                </a:solidFill>
              </a:rPr>
              <a:t>Effective Reporting: Tailor communication for impact.</a:t>
            </a:r>
          </a:p>
          <a:p>
            <a:pPr marL="457200" indent="-457200" algn="l">
              <a:buFont typeface="Arial" panose="020B0604020202020204" pitchFamily="34" charset="0"/>
              <a:buChar char="•"/>
            </a:pPr>
            <a:r>
              <a:rPr lang="en-US" sz="2800" dirty="0">
                <a:solidFill>
                  <a:schemeClr val="tx1"/>
                </a:solidFill>
              </a:rPr>
              <a:t>Continuous Improvement: The PDCA cycle for ongoing progress.</a:t>
            </a:r>
            <a:endParaRPr lang="fr-CH" sz="2800" dirty="0">
              <a:solidFill>
                <a:schemeClr val="tx1"/>
              </a:solidFill>
            </a:endParaRP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13FA77BA-B097-2EFF-C232-59B60BD470C0}"/>
              </a:ext>
            </a:extLst>
          </p:cNvPr>
          <p:cNvSpPr txBox="1"/>
          <p:nvPr/>
        </p:nvSpPr>
        <p:spPr>
          <a:xfrm>
            <a:off x="3081164" y="9488443"/>
            <a:ext cx="3859131" cy="10772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3200" b="1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Best Practices and Case Studies</a:t>
            </a:r>
            <a:endParaRPr lang="fr-CH" dirty="0"/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85079A74-7413-1A5D-BB37-52E44CF187C0}"/>
              </a:ext>
            </a:extLst>
          </p:cNvPr>
          <p:cNvSpPr txBox="1"/>
          <p:nvPr/>
        </p:nvSpPr>
        <p:spPr>
          <a:xfrm>
            <a:off x="8522643" y="8996000"/>
            <a:ext cx="5522542" cy="206210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fr-FR"/>
            </a:defPPr>
            <a:lvl1pPr algn="ctr">
              <a:defRPr sz="3200" b="1">
                <a:solidFill>
                  <a:schemeClr val="bg1"/>
                </a:solidFill>
              </a:defRPr>
            </a:lvl1pPr>
          </a:lstStyle>
          <a:p>
            <a:r>
              <a:rPr lang="en-US" dirty="0">
                <a:solidFill>
                  <a:schemeClr val="tx1"/>
                </a:solidFill>
              </a:rPr>
              <a:t>Build on the strategies and insights from today! </a:t>
            </a:r>
          </a:p>
          <a:p>
            <a:r>
              <a:rPr lang="en-US" dirty="0">
                <a:solidFill>
                  <a:schemeClr val="tx1"/>
                </a:solidFill>
              </a:rPr>
              <a:t>And from others!</a:t>
            </a:r>
          </a:p>
          <a:p>
            <a:r>
              <a:rPr lang="en-US" dirty="0">
                <a:solidFill>
                  <a:schemeClr val="tx1"/>
                </a:solidFill>
              </a:rPr>
              <a:t>And from the Network!</a:t>
            </a:r>
            <a:endParaRPr lang="fr-CH" dirty="0">
              <a:solidFill>
                <a:schemeClr val="tx1"/>
              </a:solidFill>
            </a:endParaRPr>
          </a:p>
        </p:txBody>
      </p:sp>
      <p:pic>
        <p:nvPicPr>
          <p:cNvPr id="41" name="Picture 40">
            <a:extLst>
              <a:ext uri="{FF2B5EF4-FFF2-40B4-BE49-F238E27FC236}">
                <a16:creationId xmlns:a16="http://schemas.microsoft.com/office/drawing/2014/main" id="{922A060F-5FC1-C3C4-DDD1-4521C6CF21F2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4402" b="13163"/>
          <a:stretch/>
        </p:blipFill>
        <p:spPr>
          <a:xfrm>
            <a:off x="14903455" y="9280103"/>
            <a:ext cx="3643963" cy="1281894"/>
          </a:xfrm>
          <a:prstGeom prst="rect">
            <a:avLst/>
          </a:prstGeom>
        </p:spPr>
      </p:pic>
      <p:pic>
        <p:nvPicPr>
          <p:cNvPr id="43" name="Graphic 42" descr="Playbook with solid fill">
            <a:extLst>
              <a:ext uri="{FF2B5EF4-FFF2-40B4-BE49-F238E27FC236}">
                <a16:creationId xmlns:a16="http://schemas.microsoft.com/office/drawing/2014/main" id="{5C83DC97-167E-2900-EF03-37BBC87FE03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1258965" y="4462358"/>
            <a:ext cx="1119378" cy="1119378"/>
          </a:xfrm>
          <a:prstGeom prst="rect">
            <a:avLst/>
          </a:prstGeom>
        </p:spPr>
      </p:pic>
      <p:pic>
        <p:nvPicPr>
          <p:cNvPr id="44" name="Graphic 43" descr="Clipboard Badge with solid fill">
            <a:extLst>
              <a:ext uri="{FF2B5EF4-FFF2-40B4-BE49-F238E27FC236}">
                <a16:creationId xmlns:a16="http://schemas.microsoft.com/office/drawing/2014/main" id="{92C30128-662B-1124-71FB-C71065834D5A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1258965" y="2172329"/>
            <a:ext cx="1119378" cy="1119378"/>
          </a:xfrm>
          <a:prstGeom prst="rect">
            <a:avLst/>
          </a:prstGeom>
        </p:spPr>
      </p:pic>
      <p:pic>
        <p:nvPicPr>
          <p:cNvPr id="45" name="Graphic 44" descr="Old Key with solid fill">
            <a:extLst>
              <a:ext uri="{FF2B5EF4-FFF2-40B4-BE49-F238E27FC236}">
                <a16:creationId xmlns:a16="http://schemas.microsoft.com/office/drawing/2014/main" id="{ED620543-BCC9-2F80-BB68-362887F0122F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1278886" y="6897076"/>
            <a:ext cx="1119378" cy="1119378"/>
          </a:xfrm>
          <a:prstGeom prst="rect">
            <a:avLst/>
          </a:prstGeom>
        </p:spPr>
      </p:pic>
      <p:pic>
        <p:nvPicPr>
          <p:cNvPr id="46" name="Graphic 45" descr="Cheers with solid fill">
            <a:extLst>
              <a:ext uri="{FF2B5EF4-FFF2-40B4-BE49-F238E27FC236}">
                <a16:creationId xmlns:a16="http://schemas.microsoft.com/office/drawing/2014/main" id="{930B79CB-2F65-4CC0-BEE1-B3004F288581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/>
        </p:blipFill>
        <p:spPr>
          <a:xfrm>
            <a:off x="1278886" y="9442619"/>
            <a:ext cx="1119378" cy="11193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791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7393638A-A74B-1525-A1AB-8258AD2D446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/>
              <a:t>Thank you!</a:t>
            </a:r>
            <a:endParaRPr lang="fr-CH" dirty="0"/>
          </a:p>
        </p:txBody>
      </p:sp>
    </p:spTree>
    <p:extLst>
      <p:ext uri="{BB962C8B-B14F-4D97-AF65-F5344CB8AC3E}">
        <p14:creationId xmlns:p14="http://schemas.microsoft.com/office/powerpoint/2010/main" val="279343629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6767778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EF4A0B-FB60-EE86-9E18-5C1EEBF013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elcome!</a:t>
            </a:r>
            <a:endParaRPr lang="fr-CH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D15E4D1-5CD7-BBB4-6C59-127A1D9B36F9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549153" y="2735664"/>
            <a:ext cx="11113218" cy="7156450"/>
          </a:xfrm>
        </p:spPr>
        <p:txBody>
          <a:bodyPr/>
          <a:lstStyle/>
          <a:p>
            <a:pPr algn="l">
              <a:spcAft>
                <a:spcPts val="4200"/>
              </a:spcAft>
            </a:pPr>
            <a:r>
              <a:rPr lang="en-US" sz="4400" u="none" dirty="0"/>
              <a:t>Understand the </a:t>
            </a:r>
            <a:r>
              <a:rPr lang="en-US" sz="4400" b="1" u="none" dirty="0"/>
              <a:t>importance of Academic Quality Assurance</a:t>
            </a:r>
          </a:p>
          <a:p>
            <a:pPr algn="l">
              <a:spcAft>
                <a:spcPts val="4200"/>
              </a:spcAft>
            </a:pPr>
            <a:r>
              <a:rPr lang="en-US" sz="4400" u="none" dirty="0"/>
              <a:t>Learn How to Build a </a:t>
            </a:r>
            <a:r>
              <a:rPr lang="en-US" sz="4400" b="1" u="none" dirty="0"/>
              <a:t>Quality Culture</a:t>
            </a:r>
          </a:p>
          <a:p>
            <a:pPr algn="l">
              <a:spcAft>
                <a:spcPts val="4200"/>
              </a:spcAft>
            </a:pPr>
            <a:r>
              <a:rPr lang="en-US" sz="4400" u="none" dirty="0"/>
              <a:t>Explore </a:t>
            </a:r>
            <a:r>
              <a:rPr lang="en-US" sz="4400" b="1" u="none" dirty="0"/>
              <a:t>EHL’s Practices &amp; Educational Philosophy</a:t>
            </a:r>
            <a:endParaRPr lang="fr-CH" sz="4400" b="1" u="none" dirty="0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56E0F835-700D-AF35-A54E-35985C3335AD}"/>
              </a:ext>
            </a:extLst>
          </p:cNvPr>
          <p:cNvSpPr txBox="1">
            <a:spLocks/>
          </p:cNvSpPr>
          <p:nvPr/>
        </p:nvSpPr>
        <p:spPr>
          <a:xfrm>
            <a:off x="9476336" y="1281684"/>
            <a:ext cx="9258851" cy="2136140"/>
          </a:xfrm>
          <a:prstGeom prst="rect">
            <a:avLst/>
          </a:prstGeom>
        </p:spPr>
        <p:txBody>
          <a:bodyPr vert="horz" lIns="0" tIns="0" rIns="0" bIns="0" rtlCol="0" anchor="ctr">
            <a:normAutofit fontScale="85000" lnSpcReduction="10000"/>
          </a:bodyPr>
          <a:lstStyle>
            <a:lvl1pPr algn="ctr" eaLnBrk="1" hangingPunct="1">
              <a:defRPr sz="9600" b="0" i="0">
                <a:solidFill>
                  <a:schemeClr val="bg1"/>
                </a:solidFill>
                <a:latin typeface="Georgia"/>
                <a:ea typeface="+mj-ea"/>
                <a:cs typeface="Georgia"/>
              </a:defRPr>
            </a:lvl1pPr>
          </a:lstStyle>
          <a:p>
            <a:r>
              <a:rPr lang="en-US" kern="0" dirty="0">
                <a:solidFill>
                  <a:srgbClr val="001436"/>
                </a:solidFill>
              </a:rPr>
              <a:t>Today’s Objectives</a:t>
            </a:r>
            <a:endParaRPr lang="fr-CH" kern="0" dirty="0">
              <a:solidFill>
                <a:srgbClr val="00143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248503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1">
            <a:extLst>
              <a:ext uri="{FF2B5EF4-FFF2-40B4-BE49-F238E27FC236}">
                <a16:creationId xmlns:a16="http://schemas.microsoft.com/office/drawing/2014/main" id="{CF02E89D-DF46-4269-9777-14279920D0B0}"/>
              </a:ext>
            </a:extLst>
          </p:cNvPr>
          <p:cNvSpPr txBox="1">
            <a:spLocks/>
          </p:cNvSpPr>
          <p:nvPr/>
        </p:nvSpPr>
        <p:spPr>
          <a:xfrm>
            <a:off x="942221" y="1101014"/>
            <a:ext cx="18345946" cy="2135840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 eaLnBrk="1" hangingPunct="1">
              <a:defRPr sz="5821" b="0" i="0">
                <a:solidFill>
                  <a:srgbClr val="878775"/>
                </a:solidFill>
                <a:latin typeface="Georgia"/>
                <a:ea typeface="+mj-ea"/>
                <a:cs typeface="Georgia"/>
              </a:defRPr>
            </a:lvl1pPr>
          </a:lstStyle>
          <a:p>
            <a:pPr marL="0" marR="0" lvl="0" indent="0" algn="ctr" defTabSz="150777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800" b="1" i="0" u="none" strike="noStrike" kern="1200" cap="none" spc="0" normalizeH="0" baseline="0" noProof="0" dirty="0">
                <a:ln>
                  <a:noFill/>
                </a:ln>
                <a:solidFill>
                  <a:srgbClr val="001436"/>
                </a:solidFill>
                <a:effectLst/>
                <a:uLnTx/>
                <a:uFillTx/>
                <a:latin typeface="Georgia"/>
                <a:ea typeface="+mj-ea"/>
                <a:cs typeface="+mj-cs"/>
              </a:rPr>
              <a:t>Vision &amp; Mission</a:t>
            </a:r>
            <a:endParaRPr kumimoji="0" lang="en-US" sz="7256" b="1" i="0" u="none" strike="noStrike" kern="1200" cap="none" spc="0" normalizeH="0" baseline="0" noProof="0" dirty="0">
              <a:ln>
                <a:noFill/>
              </a:ln>
              <a:solidFill>
                <a:srgbClr val="001436"/>
              </a:solidFill>
              <a:effectLst/>
              <a:uLnTx/>
              <a:uFillTx/>
              <a:latin typeface="Georgia"/>
              <a:ea typeface="+mj-ea"/>
              <a:cs typeface="+mj-cs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C58B8696-2F90-415A-A5A5-FBA5616DF066}"/>
              </a:ext>
            </a:extLst>
          </p:cNvPr>
          <p:cNvSpPr txBox="1"/>
          <p:nvPr/>
        </p:nvSpPr>
        <p:spPr>
          <a:xfrm>
            <a:off x="4359395" y="3867039"/>
            <a:ext cx="11385310" cy="3724090"/>
          </a:xfrm>
          <a:prstGeom prst="rect">
            <a:avLst/>
          </a:prstGeom>
          <a:noFill/>
        </p:spPr>
        <p:txBody>
          <a:bodyPr wrap="square" lIns="91433" tIns="45717" rIns="91433" bIns="45717" anchor="t">
            <a:spAutoFit/>
          </a:bodyPr>
          <a:lstStyle/>
          <a:p>
            <a:pPr marL="0" marR="0" lvl="0" indent="0" algn="just" defTabSz="150777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95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F0302020204030204"/>
                <a:ea typeface="+mn-lt"/>
                <a:cs typeface="+mn-lt"/>
              </a:rPr>
              <a:t>Through the EHL Certification Scheme, the EHL Group ambitions to</a:t>
            </a:r>
            <a:r>
              <a:rPr kumimoji="0" lang="en-US" sz="295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F0302020204030204"/>
                <a:ea typeface="+mn-lt"/>
                <a:cs typeface="+mn-lt"/>
              </a:rPr>
              <a:t> support hospitality education institutions</a:t>
            </a:r>
            <a:r>
              <a:rPr kumimoji="0" lang="en-US" sz="295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F0302020204030204"/>
                <a:ea typeface="+mn-lt"/>
                <a:cs typeface="+mn-lt"/>
              </a:rPr>
              <a:t> in their continuous journey towards excellence. </a:t>
            </a:r>
            <a:endParaRPr kumimoji="0" lang="en-US" sz="1801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F0302020204030204"/>
              <a:ea typeface="+mn-lt"/>
              <a:cs typeface="+mn-lt"/>
            </a:endParaRPr>
          </a:p>
          <a:p>
            <a:pPr marL="0" marR="0" lvl="0" indent="0" algn="just" defTabSz="150777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95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F0302020204030204"/>
              <a:ea typeface="+mn-lt"/>
              <a:cs typeface="+mn-lt"/>
            </a:endParaRPr>
          </a:p>
          <a:p>
            <a:pPr marL="0" marR="0" lvl="0" indent="0" algn="just" defTabSz="150777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95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F0302020204030204"/>
                <a:ea typeface="+mn-lt"/>
                <a:cs typeface="+mn-lt"/>
              </a:rPr>
              <a:t>The EHL Certification Scheme is a quality assurance framework addressing the needs of hospitality and tourism education institutions </a:t>
            </a:r>
            <a:r>
              <a:rPr kumimoji="0" lang="en-US" sz="295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entury Gothic" panose="020F0302020204030204"/>
                <a:ea typeface="+mn-lt"/>
                <a:cs typeface="+mn-lt"/>
              </a:rPr>
              <a:t>to continuously improve their educational offer and internal organization.</a:t>
            </a:r>
            <a:endParaRPr kumimoji="0" lang="en-US" sz="1801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entury Gothic" panose="020F0302020204030204"/>
              <a:ea typeface="+mn-lt"/>
              <a:cs typeface="+mn-lt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F725988-B917-4630-91DF-52CEC2B57F10}"/>
              </a:ext>
            </a:extLst>
          </p:cNvPr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4402" b="13163"/>
          <a:stretch/>
        </p:blipFill>
        <p:spPr>
          <a:xfrm>
            <a:off x="15945871" y="460067"/>
            <a:ext cx="3643963" cy="1281894"/>
          </a:xfrm>
          <a:prstGeom prst="rect">
            <a:avLst/>
          </a:prstGeom>
        </p:spPr>
      </p:pic>
      <p:sp>
        <p:nvSpPr>
          <p:cNvPr id="2" name="OTLSHAPE_T_cd17f9ed62004874a3fd7c1fa0796103_Shape">
            <a:extLst>
              <a:ext uri="{FF2B5EF4-FFF2-40B4-BE49-F238E27FC236}">
                <a16:creationId xmlns:a16="http://schemas.microsoft.com/office/drawing/2014/main" id="{311D4825-AB0D-4ED8-1AC2-CD43053204FE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700088" y="8726845"/>
            <a:ext cx="6777824" cy="589235"/>
          </a:xfrm>
          <a:prstGeom prst="chevron">
            <a:avLst/>
          </a:prstGeom>
          <a:solidFill>
            <a:srgbClr val="878775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5078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144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/>
              <a:ea typeface="+mn-ea"/>
              <a:cs typeface="+mn-cs"/>
            </a:endParaRPr>
          </a:p>
        </p:txBody>
      </p:sp>
      <p:sp>
        <p:nvSpPr>
          <p:cNvPr id="4" name="OTLSHAPE_T_cd17f9ed62004874a3fd7c1fa0796103_Shape">
            <a:extLst>
              <a:ext uri="{FF2B5EF4-FFF2-40B4-BE49-F238E27FC236}">
                <a16:creationId xmlns:a16="http://schemas.microsoft.com/office/drawing/2014/main" id="{136EB3C0-A784-2624-6741-85677A8DD99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7335832" y="8726844"/>
            <a:ext cx="6198040" cy="589235"/>
          </a:xfrm>
          <a:prstGeom prst="chevron">
            <a:avLst/>
          </a:prstGeom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5078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144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/>
              <a:ea typeface="+mn-ea"/>
              <a:cs typeface="+mn-cs"/>
            </a:endParaRPr>
          </a:p>
        </p:txBody>
      </p:sp>
      <p:sp>
        <p:nvSpPr>
          <p:cNvPr id="6" name="OTLSHAPE_T_bb561d23dc5e4b38a7f1548ddee6ff7d_Title">
            <a:extLst>
              <a:ext uri="{FF2B5EF4-FFF2-40B4-BE49-F238E27FC236}">
                <a16:creationId xmlns:a16="http://schemas.microsoft.com/office/drawing/2014/main" id="{29617E8F-E0D9-296A-62FA-278C4EEF3944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663832" y="8844313"/>
            <a:ext cx="6435020" cy="329962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15078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44" b="1" i="0" u="none" strike="noStrike" kern="1200" cap="none" spc="-13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4 - 2019   |   Original Scheme</a:t>
            </a:r>
          </a:p>
        </p:txBody>
      </p:sp>
      <p:sp>
        <p:nvSpPr>
          <p:cNvPr id="7" name="OTLSHAPE_T_bb561d23dc5e4b38a7f1548ddee6ff7d_Title">
            <a:extLst>
              <a:ext uri="{FF2B5EF4-FFF2-40B4-BE49-F238E27FC236}">
                <a16:creationId xmlns:a16="http://schemas.microsoft.com/office/drawing/2014/main" id="{3F96BDE3-1C95-81DC-245B-978ED805216C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7098852" y="8856481"/>
            <a:ext cx="6435020" cy="329962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15078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44" b="1" i="0" u="none" strike="noStrike" kern="1200" cap="none" spc="-13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 - 2024   |    New Certification Scheme</a:t>
            </a:r>
          </a:p>
        </p:txBody>
      </p:sp>
      <p:sp>
        <p:nvSpPr>
          <p:cNvPr id="8" name="OTLSHAPE_T_cd17f9ed62004874a3fd7c1fa0796103_Shape">
            <a:extLst>
              <a:ext uri="{FF2B5EF4-FFF2-40B4-BE49-F238E27FC236}">
                <a16:creationId xmlns:a16="http://schemas.microsoft.com/office/drawing/2014/main" id="{E45395CF-1BE6-ED4A-BF90-8F8993C8E87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3391794" y="8726844"/>
            <a:ext cx="6198040" cy="589235"/>
          </a:xfrm>
          <a:prstGeom prst="chevron">
            <a:avLst/>
          </a:prstGeom>
          <a:solidFill>
            <a:srgbClr val="DE6159"/>
          </a:solidFill>
          <a:ln>
            <a:noFill/>
          </a:ln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5078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144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entury Gothic"/>
              <a:ea typeface="+mn-ea"/>
              <a:cs typeface="+mn-cs"/>
            </a:endParaRPr>
          </a:p>
        </p:txBody>
      </p:sp>
      <p:sp>
        <p:nvSpPr>
          <p:cNvPr id="9" name="OTLSHAPE_T_bb561d23dc5e4b38a7f1548ddee6ff7d_Title">
            <a:extLst>
              <a:ext uri="{FF2B5EF4-FFF2-40B4-BE49-F238E27FC236}">
                <a16:creationId xmlns:a16="http://schemas.microsoft.com/office/drawing/2014/main" id="{75A6F315-A4CB-3379-CE36-09C12679B599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3154814" y="8856481"/>
            <a:ext cx="6435020" cy="329962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15078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144" b="1" i="0" u="none" strike="noStrike" kern="1200" cap="none" spc="-13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 - </a:t>
            </a:r>
            <a:r>
              <a:rPr lang="en-US" sz="2144" b="1" spc="-13" dirty="0">
                <a:solidFill>
                  <a:prstClr val="white"/>
                </a:solidFill>
                <a:latin typeface="Calibri" panose="020F0502020204030204" pitchFamily="34" charset="0"/>
              </a:rPr>
              <a:t>onwards</a:t>
            </a:r>
            <a:r>
              <a:rPr kumimoji="0" lang="en-US" sz="2144" b="1" i="0" u="none" strike="noStrike" kern="1200" cap="none" spc="-13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  |    </a:t>
            </a:r>
            <a:r>
              <a:rPr lang="en-US" sz="2144" b="1" spc="-13" dirty="0">
                <a:solidFill>
                  <a:prstClr val="white"/>
                </a:solidFill>
                <a:latin typeface="Calibri" panose="020F0502020204030204" pitchFamily="34" charset="0"/>
              </a:rPr>
              <a:t>Revised Standards 2025</a:t>
            </a:r>
            <a:endParaRPr kumimoji="0" lang="en-US" sz="2144" b="1" i="0" u="none" strike="noStrike" kern="1200" cap="none" spc="-13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85347724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 hidden="1">
            <a:extLst>
              <a:ext uri="{FF2B5EF4-FFF2-40B4-BE49-F238E27FC236}">
                <a16:creationId xmlns:a16="http://schemas.microsoft.com/office/drawing/2014/main" id="{A86426CA-6EE5-48CF-859F-273198E19C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15078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51EB4858-C4CA-4302-B658-C0CD55F75DC2}" type="slidenum">
              <a:rPr kumimoji="0" lang="fr-CH" sz="1319" b="0" i="0" u="none" strike="noStrike" kern="1200" cap="none" spc="0" normalizeH="0" baseline="0" noProof="0">
                <a:ln>
                  <a:noFill/>
                </a:ln>
                <a:solidFill>
                  <a:srgbClr val="001436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pPr marL="0" marR="0" lvl="0" indent="0" algn="r" defTabSz="150784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fr-CH" sz="1319" b="0" i="0" u="none" strike="noStrike" kern="1200" cap="none" spc="0" normalizeH="0" baseline="0" noProof="0">
              <a:ln>
                <a:noFill/>
              </a:ln>
              <a:solidFill>
                <a:srgbClr val="001436"/>
              </a:solidFill>
              <a:effectLst/>
              <a:uLnTx/>
              <a:uFillTx/>
              <a:latin typeface="Century Gothic"/>
              <a:ea typeface="+mn-ea"/>
              <a:cs typeface="+mn-cs"/>
            </a:endParaRPr>
          </a:p>
        </p:txBody>
      </p:sp>
      <p:sp>
        <p:nvSpPr>
          <p:cNvPr id="14" name="Title 5">
            <a:extLst>
              <a:ext uri="{FF2B5EF4-FFF2-40B4-BE49-F238E27FC236}">
                <a16:creationId xmlns:a16="http://schemas.microsoft.com/office/drawing/2014/main" id="{F3D66F55-8E56-413E-B5D5-591347D2BE16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1917700" y="310117"/>
            <a:ext cx="16268700" cy="1819275"/>
          </a:xfrm>
        </p:spPr>
        <p:txBody>
          <a:bodyPr anchor="ctr">
            <a:normAutofit/>
          </a:bodyPr>
          <a:lstStyle/>
          <a:p>
            <a:r>
              <a:rPr lang="fr-CH" b="1" dirty="0"/>
              <a:t>EHL </a:t>
            </a:r>
            <a:r>
              <a:rPr lang="fr-CH" dirty="0"/>
              <a:t>‘s </a:t>
            </a:r>
            <a:r>
              <a:rPr lang="fr-CH" dirty="0" err="1"/>
              <a:t>Educational</a:t>
            </a:r>
            <a:r>
              <a:rPr lang="fr-CH" dirty="0"/>
              <a:t> </a:t>
            </a:r>
            <a:r>
              <a:rPr lang="fr-CH" dirty="0" err="1"/>
              <a:t>Philosophy</a:t>
            </a:r>
            <a:endParaRPr lang="fr-CH" b="1" dirty="0"/>
          </a:p>
        </p:txBody>
      </p:sp>
      <p:pic>
        <p:nvPicPr>
          <p:cNvPr id="15" name="Picture 14" descr="Diagram, venn diagram&#10;&#10;Description automatically generated">
            <a:extLst>
              <a:ext uri="{FF2B5EF4-FFF2-40B4-BE49-F238E27FC236}">
                <a16:creationId xmlns:a16="http://schemas.microsoft.com/office/drawing/2014/main" id="{45A57604-B078-4D80-9A22-6A48F510E59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82615" y="2772549"/>
            <a:ext cx="7317046" cy="7317046"/>
          </a:xfrm>
          <a:prstGeom prst="rect">
            <a:avLst/>
          </a:prstGeom>
          <a:noFill/>
        </p:spPr>
      </p:pic>
      <p:pic>
        <p:nvPicPr>
          <p:cNvPr id="1026" name="Picture 2" descr="ehl-pillar">
            <a:extLst>
              <a:ext uri="{FF2B5EF4-FFF2-40B4-BE49-F238E27FC236}">
                <a16:creationId xmlns:a16="http://schemas.microsoft.com/office/drawing/2014/main" id="{655736E6-97C1-9DB3-A6EA-1BCC3D5F112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450895" y="2001838"/>
            <a:ext cx="8641778" cy="864177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089245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Placeholder 5">
            <a:extLst>
              <a:ext uri="{FF2B5EF4-FFF2-40B4-BE49-F238E27FC236}">
                <a16:creationId xmlns:a16="http://schemas.microsoft.com/office/drawing/2014/main" id="{9D3FDE82-2715-2601-999E-1057452BB20E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984" b="5984"/>
          <a:stretch/>
        </p:blipFill>
        <p:spPr/>
      </p:pic>
      <p:sp>
        <p:nvSpPr>
          <p:cNvPr id="3" name="Title 2">
            <a:extLst>
              <a:ext uri="{FF2B5EF4-FFF2-40B4-BE49-F238E27FC236}">
                <a16:creationId xmlns:a16="http://schemas.microsoft.com/office/drawing/2014/main" id="{9A4561D4-0002-E6C9-F0A1-94241046F8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bg1"/>
                </a:solidFill>
              </a:rPr>
              <a:t>Building a Quality Culture</a:t>
            </a:r>
            <a:endParaRPr lang="fr-CH" dirty="0">
              <a:solidFill>
                <a:schemeClr val="bg1"/>
              </a:solidFill>
            </a:endParaRP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0610BF6-FDE9-A6B5-A741-40D0E18AC5B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fr-CH"/>
          </a:p>
        </p:txBody>
      </p:sp>
    </p:spTree>
    <p:extLst>
      <p:ext uri="{BB962C8B-B14F-4D97-AF65-F5344CB8AC3E}">
        <p14:creationId xmlns:p14="http://schemas.microsoft.com/office/powerpoint/2010/main" val="177126973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ircle: Hollow 3">
            <a:extLst>
              <a:ext uri="{FF2B5EF4-FFF2-40B4-BE49-F238E27FC236}">
                <a16:creationId xmlns:a16="http://schemas.microsoft.com/office/drawing/2014/main" id="{FA3B1D31-7353-26AB-877E-F169B9ABF704}"/>
              </a:ext>
            </a:extLst>
          </p:cNvPr>
          <p:cNvSpPr/>
          <p:nvPr/>
        </p:nvSpPr>
        <p:spPr>
          <a:xfrm>
            <a:off x="5518225" y="2834640"/>
            <a:ext cx="8791327" cy="7534656"/>
          </a:xfrm>
          <a:prstGeom prst="donut">
            <a:avLst>
              <a:gd name="adj" fmla="val 4214"/>
            </a:avLst>
          </a:prstGeom>
          <a:solidFill>
            <a:srgbClr val="DE6159"/>
          </a:solidFill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>
              <a:solidFill>
                <a:schemeClr val="tx1"/>
              </a:solidFill>
            </a:endParaRPr>
          </a:p>
        </p:txBody>
      </p:sp>
      <p:graphicFrame>
        <p:nvGraphicFramePr>
          <p:cNvPr id="3" name="Diagram 2">
            <a:extLst>
              <a:ext uri="{FF2B5EF4-FFF2-40B4-BE49-F238E27FC236}">
                <a16:creationId xmlns:a16="http://schemas.microsoft.com/office/drawing/2014/main" id="{3AF06092-FDF0-4661-8741-F3D14021E3C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925590201"/>
              </p:ext>
            </p:extLst>
          </p:nvPr>
        </p:nvGraphicFramePr>
        <p:xfrm>
          <a:off x="673208" y="2596896"/>
          <a:ext cx="18152179" cy="83224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8" name="Title 5">
            <a:extLst>
              <a:ext uri="{FF2B5EF4-FFF2-40B4-BE49-F238E27FC236}">
                <a16:creationId xmlns:a16="http://schemas.microsoft.com/office/drawing/2014/main" id="{64398FCF-2142-2A1D-65ED-49F6649121C6}"/>
              </a:ext>
            </a:extLst>
          </p:cNvPr>
          <p:cNvSpPr txBox="1">
            <a:spLocks/>
          </p:cNvSpPr>
          <p:nvPr/>
        </p:nvSpPr>
        <p:spPr>
          <a:xfrm>
            <a:off x="1278712" y="190995"/>
            <a:ext cx="17546675" cy="1819275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 algn="ctr" defTabSz="1507846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7256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1507846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CH" sz="7256" b="1" i="0" u="none" strike="noStrike" kern="1200" cap="none" spc="0" normalizeH="0" baseline="0" noProof="0" dirty="0">
                <a:ln>
                  <a:noFill/>
                </a:ln>
                <a:solidFill>
                  <a:srgbClr val="001436"/>
                </a:solidFill>
                <a:effectLst/>
                <a:uLnTx/>
                <a:uFillTx/>
                <a:latin typeface="Georgia"/>
                <a:ea typeface="+mj-ea"/>
                <a:cs typeface="+mj-cs"/>
              </a:rPr>
              <a:t>How do </a:t>
            </a:r>
            <a:r>
              <a:rPr kumimoji="0" lang="fr-CH" sz="7256" b="1" i="0" u="none" strike="noStrike" kern="1200" cap="none" spc="0" normalizeH="0" baseline="0" noProof="0" dirty="0" err="1">
                <a:ln>
                  <a:noFill/>
                </a:ln>
                <a:solidFill>
                  <a:srgbClr val="001436"/>
                </a:solidFill>
                <a:effectLst/>
                <a:uLnTx/>
                <a:uFillTx/>
                <a:latin typeface="Georgia"/>
                <a:ea typeface="+mj-ea"/>
                <a:cs typeface="+mj-cs"/>
              </a:rPr>
              <a:t>you</a:t>
            </a:r>
            <a:r>
              <a:rPr kumimoji="0" lang="fr-CH" sz="7256" b="1" i="0" u="none" strike="noStrike" kern="1200" cap="none" spc="0" normalizeH="0" baseline="0" noProof="0" dirty="0">
                <a:ln>
                  <a:noFill/>
                </a:ln>
                <a:solidFill>
                  <a:srgbClr val="001436"/>
                </a:solidFill>
                <a:effectLst/>
                <a:uLnTx/>
                <a:uFillTx/>
                <a:latin typeface="Georgia"/>
                <a:ea typeface="+mj-ea"/>
                <a:cs typeface="+mj-cs"/>
              </a:rPr>
              <a:t> </a:t>
            </a:r>
            <a:r>
              <a:rPr kumimoji="0" lang="fr-CH" sz="7256" b="1" i="0" u="none" strike="noStrike" kern="1200" cap="none" spc="0" normalizeH="0" baseline="0" noProof="0" dirty="0" err="1">
                <a:ln>
                  <a:noFill/>
                </a:ln>
                <a:solidFill>
                  <a:srgbClr val="001436"/>
                </a:solidFill>
                <a:effectLst/>
                <a:uLnTx/>
                <a:uFillTx/>
                <a:latin typeface="Georgia"/>
                <a:ea typeface="+mj-ea"/>
                <a:cs typeface="+mj-cs"/>
              </a:rPr>
              <a:t>Build</a:t>
            </a:r>
            <a:r>
              <a:rPr kumimoji="0" lang="fr-CH" sz="7256" b="1" i="0" u="none" strike="noStrike" kern="1200" cap="none" spc="0" normalizeH="0" baseline="0" noProof="0" dirty="0">
                <a:ln>
                  <a:noFill/>
                </a:ln>
                <a:solidFill>
                  <a:srgbClr val="001436"/>
                </a:solidFill>
                <a:effectLst/>
                <a:uLnTx/>
                <a:uFillTx/>
                <a:latin typeface="Georgia"/>
                <a:ea typeface="+mj-ea"/>
                <a:cs typeface="+mj-cs"/>
              </a:rPr>
              <a:t> a Quality Culture?</a:t>
            </a:r>
          </a:p>
        </p:txBody>
      </p:sp>
    </p:spTree>
    <p:extLst>
      <p:ext uri="{BB962C8B-B14F-4D97-AF65-F5344CB8AC3E}">
        <p14:creationId xmlns:p14="http://schemas.microsoft.com/office/powerpoint/2010/main" val="19312765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 hidden="1">
            <a:extLst>
              <a:ext uri="{FF2B5EF4-FFF2-40B4-BE49-F238E27FC236}">
                <a16:creationId xmlns:a16="http://schemas.microsoft.com/office/drawing/2014/main" id="{A86426CA-6EE5-48CF-859F-273198E19C3B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9510375" y="10882313"/>
            <a:ext cx="593725" cy="355600"/>
          </a:xfrm>
        </p:spPr>
        <p:txBody>
          <a:bodyPr/>
          <a:lstStyle/>
          <a:p>
            <a:pPr marL="0" marR="0" lvl="0" indent="0" algn="r" defTabSz="150784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fld id="{51EB4858-C4CA-4302-B658-C0CD55F75DC2}" type="slidenum">
              <a:rPr kumimoji="0" lang="fr-CH" sz="1319" b="0" i="0" u="none" strike="noStrike" kern="1200" cap="none" spc="0" normalizeH="0" baseline="0" noProof="0">
                <a:ln>
                  <a:noFill/>
                </a:ln>
                <a:solidFill>
                  <a:srgbClr val="001436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pPr marL="0" marR="0" lvl="0" indent="0" algn="r" defTabSz="1507846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fr-CH" sz="1319" b="0" i="0" u="none" strike="noStrike" kern="1200" cap="none" spc="0" normalizeH="0" baseline="0" noProof="0">
              <a:ln>
                <a:noFill/>
              </a:ln>
              <a:solidFill>
                <a:srgbClr val="001436"/>
              </a:solidFill>
              <a:effectLst/>
              <a:uLnTx/>
              <a:uFillTx/>
              <a:latin typeface="Century Gothic"/>
              <a:ea typeface="+mn-ea"/>
              <a:cs typeface="+mn-cs"/>
            </a:endParaRPr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3B2A6AC9-9DE3-988D-54F2-77AAEC52EB30}"/>
              </a:ext>
            </a:extLst>
          </p:cNvPr>
          <p:cNvSpPr txBox="1">
            <a:spLocks/>
          </p:cNvSpPr>
          <p:nvPr/>
        </p:nvSpPr>
        <p:spPr>
          <a:xfrm>
            <a:off x="1917700" y="1"/>
            <a:ext cx="16268700" cy="1426464"/>
          </a:xfrm>
          <a:prstGeom prst="rect">
            <a:avLst/>
          </a:prstGeom>
        </p:spPr>
        <p:txBody>
          <a:bodyPr vert="horz" lIns="0" tIns="0" rIns="0" bIns="0" rtlCol="0" anchor="ctr">
            <a:normAutofit fontScale="97500"/>
          </a:bodyPr>
          <a:lstStyle>
            <a:lvl1pPr algn="ctr" defTabSz="1507846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7256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fr-CH" dirty="0"/>
              <a:t>Key </a:t>
            </a:r>
            <a:r>
              <a:rPr lang="fr-CH" dirty="0" err="1"/>
              <a:t>Elements</a:t>
            </a:r>
            <a:r>
              <a:rPr lang="fr-CH" dirty="0"/>
              <a:t> of Quality Assurance</a:t>
            </a:r>
          </a:p>
        </p:txBody>
      </p:sp>
      <p:sp>
        <p:nvSpPr>
          <p:cNvPr id="10" name="Arrow: Pentagon 9">
            <a:extLst>
              <a:ext uri="{FF2B5EF4-FFF2-40B4-BE49-F238E27FC236}">
                <a16:creationId xmlns:a16="http://schemas.microsoft.com/office/drawing/2014/main" id="{FCC67F62-EDAC-4890-BBA8-03347C979BE7}"/>
              </a:ext>
            </a:extLst>
          </p:cNvPr>
          <p:cNvSpPr/>
          <p:nvPr/>
        </p:nvSpPr>
        <p:spPr>
          <a:xfrm>
            <a:off x="6122521" y="4080972"/>
            <a:ext cx="936000" cy="6789931"/>
          </a:xfrm>
          <a:prstGeom prst="homePlate">
            <a:avLst/>
          </a:prstGeom>
          <a:solidFill>
            <a:schemeClr val="accent2">
              <a:lumMod val="20000"/>
              <a:lumOff val="80000"/>
            </a:schemeClr>
          </a:solidFill>
          <a:ln w="28575">
            <a:solidFill>
              <a:schemeClr val="accent2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pic>
        <p:nvPicPr>
          <p:cNvPr id="18" name="Graphic 17" descr="Pie chart with solid fill">
            <a:extLst>
              <a:ext uri="{FF2B5EF4-FFF2-40B4-BE49-F238E27FC236}">
                <a16:creationId xmlns:a16="http://schemas.microsoft.com/office/drawing/2014/main" id="{2EA56A0B-57BE-7062-ADF5-D9FC72DC9989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3026301" y="2841803"/>
            <a:ext cx="1133856" cy="1133856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E871AFDA-BA57-BDD2-BA59-150A030978FB}"/>
              </a:ext>
            </a:extLst>
          </p:cNvPr>
          <p:cNvSpPr txBox="1"/>
          <p:nvPr/>
        </p:nvSpPr>
        <p:spPr>
          <a:xfrm>
            <a:off x="1115205" y="2112824"/>
            <a:ext cx="495604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rgbClr val="001436"/>
                </a:solidFill>
              </a:rPr>
              <a:t>Robust Data Collection</a:t>
            </a:r>
            <a:endParaRPr lang="fr-CH" sz="3200" b="1" dirty="0">
              <a:solidFill>
                <a:srgbClr val="001436"/>
              </a:solidFill>
            </a:endParaRPr>
          </a:p>
        </p:txBody>
      </p:sp>
      <p:pic>
        <p:nvPicPr>
          <p:cNvPr id="20" name="Elemento grafico 41" descr="Checklist">
            <a:extLst>
              <a:ext uri="{FF2B5EF4-FFF2-40B4-BE49-F238E27FC236}">
                <a16:creationId xmlns:a16="http://schemas.microsoft.com/office/drawing/2014/main" id="{6197BBA2-FC69-B5C4-BFCF-04937FD156E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485122" y="2817028"/>
            <a:ext cx="1133856" cy="1133856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6E1C0DF4-D757-C0A4-C5BA-F858DB0B488D}"/>
              </a:ext>
            </a:extLst>
          </p:cNvPr>
          <p:cNvSpPr txBox="1"/>
          <p:nvPr/>
        </p:nvSpPr>
        <p:spPr>
          <a:xfrm>
            <a:off x="7574026" y="2112823"/>
            <a:ext cx="495604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rgbClr val="001436"/>
                </a:solidFill>
              </a:rPr>
              <a:t>Effective Reporting</a:t>
            </a:r>
            <a:endParaRPr lang="fr-CH" sz="3200" b="1" dirty="0">
              <a:solidFill>
                <a:srgbClr val="001436"/>
              </a:solidFill>
            </a:endParaRPr>
          </a:p>
        </p:txBody>
      </p:sp>
      <p:pic>
        <p:nvPicPr>
          <p:cNvPr id="22" name="Graphic 21" descr="Rating Star with solid fill">
            <a:extLst>
              <a:ext uri="{FF2B5EF4-FFF2-40B4-BE49-F238E27FC236}">
                <a16:creationId xmlns:a16="http://schemas.microsoft.com/office/drawing/2014/main" id="{5E9D7EAC-AAE7-E6F3-06AA-22FCFFC99E7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/>
        </p:blipFill>
        <p:spPr>
          <a:xfrm>
            <a:off x="15876936" y="2588565"/>
            <a:ext cx="1640332" cy="1640332"/>
          </a:xfrm>
          <a:prstGeom prst="rect">
            <a:avLst/>
          </a:prstGeom>
        </p:spPr>
      </p:pic>
      <p:sp>
        <p:nvSpPr>
          <p:cNvPr id="23" name="TextBox 22">
            <a:extLst>
              <a:ext uri="{FF2B5EF4-FFF2-40B4-BE49-F238E27FC236}">
                <a16:creationId xmlns:a16="http://schemas.microsoft.com/office/drawing/2014/main" id="{EEF6CCAF-DA97-A384-F6F3-A1D5ADF272B3}"/>
              </a:ext>
            </a:extLst>
          </p:cNvPr>
          <p:cNvSpPr txBox="1"/>
          <p:nvPr/>
        </p:nvSpPr>
        <p:spPr>
          <a:xfrm>
            <a:off x="14084712" y="2112822"/>
            <a:ext cx="522478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rgbClr val="001436"/>
                </a:solidFill>
              </a:rPr>
              <a:t>Continuous Improvement</a:t>
            </a:r>
            <a:endParaRPr lang="fr-CH" sz="3200" b="1" dirty="0">
              <a:solidFill>
                <a:srgbClr val="001436"/>
              </a:solidFill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5E5DE804-7EBA-97A3-1EAC-7A4D4B023753}"/>
              </a:ext>
            </a:extLst>
          </p:cNvPr>
          <p:cNvSpPr txBox="1"/>
          <p:nvPr/>
        </p:nvSpPr>
        <p:spPr>
          <a:xfrm>
            <a:off x="13988545" y="4154933"/>
            <a:ext cx="5520182" cy="64940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>
                <a:solidFill>
                  <a:srgbClr val="001436"/>
                </a:solidFill>
              </a:rPr>
              <a:t>PDCA model: </a:t>
            </a:r>
          </a:p>
          <a:p>
            <a:pPr algn="ctr"/>
            <a:r>
              <a:rPr lang="en-US" sz="3200" dirty="0">
                <a:solidFill>
                  <a:srgbClr val="001436"/>
                </a:solidFill>
              </a:rPr>
              <a:t>Plan-Do-Check-Act.</a:t>
            </a:r>
          </a:p>
          <a:p>
            <a:endParaRPr lang="en-US" sz="3200" dirty="0">
              <a:solidFill>
                <a:srgbClr val="001436"/>
              </a:solidFill>
            </a:endParaRPr>
          </a:p>
          <a:p>
            <a:endParaRPr lang="en-US" sz="3200" dirty="0">
              <a:solidFill>
                <a:srgbClr val="001436"/>
              </a:solidFill>
            </a:endParaRPr>
          </a:p>
          <a:p>
            <a:endParaRPr lang="en-US" sz="3200" dirty="0">
              <a:solidFill>
                <a:srgbClr val="001436"/>
              </a:solidFill>
            </a:endParaRPr>
          </a:p>
          <a:p>
            <a:endParaRPr lang="en-US" sz="2000" dirty="0">
              <a:solidFill>
                <a:srgbClr val="001436"/>
              </a:solidFill>
            </a:endParaRPr>
          </a:p>
          <a:p>
            <a:r>
              <a:rPr lang="en-US" sz="3200" b="1" dirty="0">
                <a:solidFill>
                  <a:srgbClr val="001436"/>
                </a:solidFill>
              </a:rPr>
              <a:t>Strategies: </a:t>
            </a:r>
          </a:p>
          <a:p>
            <a:r>
              <a:rPr lang="en-US" sz="3200" dirty="0">
                <a:solidFill>
                  <a:srgbClr val="001436"/>
                </a:solidFill>
              </a:rPr>
              <a:t>Data-driven changes, regular updates.</a:t>
            </a:r>
          </a:p>
          <a:p>
            <a:endParaRPr lang="en-US" sz="3200" dirty="0">
              <a:solidFill>
                <a:srgbClr val="001436"/>
              </a:solidFill>
            </a:endParaRPr>
          </a:p>
          <a:p>
            <a:r>
              <a:rPr lang="en-US" sz="3200" b="1" dirty="0">
                <a:solidFill>
                  <a:srgbClr val="001436"/>
                </a:solidFill>
              </a:rPr>
              <a:t>Monitor &amp; evaluate: </a:t>
            </a:r>
            <a:r>
              <a:rPr lang="en-US" sz="3200" dirty="0">
                <a:solidFill>
                  <a:srgbClr val="001436"/>
                </a:solidFill>
              </a:rPr>
              <a:t>Impact on quality and outcomes.</a:t>
            </a:r>
            <a:endParaRPr lang="fr-CH" sz="3200" dirty="0">
              <a:solidFill>
                <a:srgbClr val="001436"/>
              </a:solidFill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8FAB768A-1A17-9BD7-D6D9-BD9B31E3D60D}"/>
              </a:ext>
            </a:extLst>
          </p:cNvPr>
          <p:cNvSpPr txBox="1"/>
          <p:nvPr/>
        </p:nvSpPr>
        <p:spPr>
          <a:xfrm>
            <a:off x="7370064" y="4376819"/>
            <a:ext cx="5534914" cy="649408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>
                <a:solidFill>
                  <a:srgbClr val="001436"/>
                </a:solidFill>
              </a:rPr>
              <a:t>Purpose of Reporting: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3200" dirty="0">
                <a:solidFill>
                  <a:srgbClr val="001436"/>
                </a:solidFill>
              </a:rPr>
              <a:t>Support decision-making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3200" dirty="0">
                <a:solidFill>
                  <a:srgbClr val="001436"/>
                </a:solidFill>
              </a:rPr>
              <a:t>Areas of Emphasis</a:t>
            </a:r>
          </a:p>
          <a:p>
            <a:endParaRPr lang="en-US" sz="3200" b="1" dirty="0">
              <a:solidFill>
                <a:srgbClr val="001436"/>
              </a:solidFill>
            </a:endParaRPr>
          </a:p>
          <a:p>
            <a:r>
              <a:rPr lang="en-US" sz="3200" b="1" dirty="0">
                <a:solidFill>
                  <a:srgbClr val="001436"/>
                </a:solidFill>
              </a:rPr>
              <a:t>Key Report Features: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3200" dirty="0">
                <a:solidFill>
                  <a:srgbClr val="001436"/>
                </a:solidFill>
              </a:rPr>
              <a:t>Clear Summary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3200" dirty="0">
                <a:solidFill>
                  <a:srgbClr val="001436"/>
                </a:solidFill>
              </a:rPr>
              <a:t>Data Visualization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US" sz="3200" dirty="0">
                <a:solidFill>
                  <a:srgbClr val="001436"/>
                </a:solidFill>
              </a:rPr>
              <a:t>Impact &amp; Evidence</a:t>
            </a:r>
          </a:p>
          <a:p>
            <a:endParaRPr lang="en-US" sz="3200" dirty="0">
              <a:solidFill>
                <a:srgbClr val="001436"/>
              </a:solidFill>
            </a:endParaRPr>
          </a:p>
          <a:p>
            <a:r>
              <a:rPr lang="en-US" sz="3200" b="1" dirty="0">
                <a:solidFill>
                  <a:srgbClr val="001436"/>
                </a:solidFill>
              </a:rPr>
              <a:t>Audience-Specific reporting: </a:t>
            </a:r>
          </a:p>
          <a:p>
            <a:r>
              <a:rPr lang="en-US" sz="3200" dirty="0">
                <a:solidFill>
                  <a:srgbClr val="001436"/>
                </a:solidFill>
              </a:rPr>
              <a:t>Management, Faculty, Students.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7CF310C3-9365-763A-738B-F4455FBA8BA8}"/>
              </a:ext>
            </a:extLst>
          </p:cNvPr>
          <p:cNvSpPr txBox="1"/>
          <p:nvPr/>
        </p:nvSpPr>
        <p:spPr>
          <a:xfrm>
            <a:off x="833138" y="4376819"/>
            <a:ext cx="5520182" cy="55092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1" dirty="0">
                <a:solidFill>
                  <a:srgbClr val="001436"/>
                </a:solidFill>
              </a:rPr>
              <a:t>Why it’s essential: </a:t>
            </a:r>
          </a:p>
          <a:p>
            <a:r>
              <a:rPr lang="en-US" sz="3200" dirty="0">
                <a:solidFill>
                  <a:srgbClr val="001436"/>
                </a:solidFill>
              </a:rPr>
              <a:t>Supports evidence-based decisions.</a:t>
            </a:r>
          </a:p>
          <a:p>
            <a:endParaRPr lang="en-US" sz="3200" dirty="0">
              <a:solidFill>
                <a:srgbClr val="001436"/>
              </a:solidFill>
            </a:endParaRPr>
          </a:p>
          <a:p>
            <a:r>
              <a:rPr lang="en-US" sz="3200" b="1" dirty="0">
                <a:solidFill>
                  <a:srgbClr val="001436"/>
                </a:solidFill>
              </a:rPr>
              <a:t>Methods: </a:t>
            </a:r>
          </a:p>
          <a:p>
            <a:r>
              <a:rPr lang="en-US" sz="3200" dirty="0">
                <a:solidFill>
                  <a:srgbClr val="001436"/>
                </a:solidFill>
              </a:rPr>
              <a:t>Surveys, assessments, feedback forms.</a:t>
            </a:r>
          </a:p>
          <a:p>
            <a:endParaRPr lang="en-US" sz="3200" dirty="0">
              <a:solidFill>
                <a:srgbClr val="001436"/>
              </a:solidFill>
            </a:endParaRPr>
          </a:p>
          <a:p>
            <a:r>
              <a:rPr lang="en-US" sz="3200" b="1" dirty="0">
                <a:solidFill>
                  <a:srgbClr val="001436"/>
                </a:solidFill>
              </a:rPr>
              <a:t>Reliable processes: </a:t>
            </a:r>
            <a:r>
              <a:rPr lang="en-US" sz="3200" dirty="0">
                <a:solidFill>
                  <a:srgbClr val="001436"/>
                </a:solidFill>
              </a:rPr>
              <a:t>Accurate and timely collection.</a:t>
            </a:r>
            <a:endParaRPr lang="fr-CH" sz="3200" dirty="0">
              <a:solidFill>
                <a:srgbClr val="001436"/>
              </a:solidFill>
            </a:endParaRPr>
          </a:p>
        </p:txBody>
      </p:sp>
      <p:sp>
        <p:nvSpPr>
          <p:cNvPr id="5" name="Arrow: Pentagon 4">
            <a:extLst>
              <a:ext uri="{FF2B5EF4-FFF2-40B4-BE49-F238E27FC236}">
                <a16:creationId xmlns:a16="http://schemas.microsoft.com/office/drawing/2014/main" id="{7AA0EAD2-47A1-71A8-37FB-F9733004AF5B}"/>
              </a:ext>
            </a:extLst>
          </p:cNvPr>
          <p:cNvSpPr/>
          <p:nvPr/>
        </p:nvSpPr>
        <p:spPr>
          <a:xfrm>
            <a:off x="12856066" y="4080973"/>
            <a:ext cx="925236" cy="6789930"/>
          </a:xfrm>
          <a:prstGeom prst="homePlate">
            <a:avLst/>
          </a:prstGeom>
          <a:solidFill>
            <a:schemeClr val="accent2">
              <a:lumMod val="20000"/>
              <a:lumOff val="80000"/>
            </a:schemeClr>
          </a:solidFill>
          <a:ln w="28575">
            <a:solidFill>
              <a:schemeClr val="accent2">
                <a:lumMod val="20000"/>
                <a:lumOff val="8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1EE7F797-D418-10CE-C386-A41C1424CAE1}"/>
              </a:ext>
            </a:extLst>
          </p:cNvPr>
          <p:cNvSpPr/>
          <p:nvPr/>
        </p:nvSpPr>
        <p:spPr>
          <a:xfrm>
            <a:off x="721388" y="4080972"/>
            <a:ext cx="5401133" cy="6789931"/>
          </a:xfrm>
          <a:prstGeom prst="rect">
            <a:avLst/>
          </a:prstGeom>
          <a:noFill/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F867844-EDBC-D5EF-F3DB-DBE7BD0D0789}"/>
              </a:ext>
            </a:extLst>
          </p:cNvPr>
          <p:cNvSpPr/>
          <p:nvPr/>
        </p:nvSpPr>
        <p:spPr>
          <a:xfrm>
            <a:off x="7222988" y="4080972"/>
            <a:ext cx="5601804" cy="6789931"/>
          </a:xfrm>
          <a:prstGeom prst="rect">
            <a:avLst/>
          </a:prstGeom>
          <a:noFill/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F0285375-6BCB-0CD8-BB91-6148FD6E7908}"/>
              </a:ext>
            </a:extLst>
          </p:cNvPr>
          <p:cNvSpPr/>
          <p:nvPr/>
        </p:nvSpPr>
        <p:spPr>
          <a:xfrm>
            <a:off x="13908359" y="4080973"/>
            <a:ext cx="5401133" cy="6494085"/>
          </a:xfrm>
          <a:prstGeom prst="rect">
            <a:avLst/>
          </a:prstGeom>
          <a:noFill/>
          <a:ln w="28575">
            <a:solidFill>
              <a:schemeClr val="bg1">
                <a:lumMod val="9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CH"/>
          </a:p>
        </p:txBody>
      </p:sp>
      <p:pic>
        <p:nvPicPr>
          <p:cNvPr id="12" name="Picture 11" descr="A circular diagram with text on it&#10;&#10;Description automatically generated">
            <a:extLst>
              <a:ext uri="{FF2B5EF4-FFF2-40B4-BE49-F238E27FC236}">
                <a16:creationId xmlns:a16="http://schemas.microsoft.com/office/drawing/2014/main" id="{A1F6BA30-BD87-AF80-6C38-EA6AA9309ED3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876936" y="5243073"/>
            <a:ext cx="1640332" cy="164033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1777807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Title 1">
            <a:extLst>
              <a:ext uri="{FF2B5EF4-FFF2-40B4-BE49-F238E27FC236}">
                <a16:creationId xmlns:a16="http://schemas.microsoft.com/office/drawing/2014/main" id="{CF02E89D-DF46-4269-9777-14279920D0B0}"/>
              </a:ext>
            </a:extLst>
          </p:cNvPr>
          <p:cNvSpPr txBox="1">
            <a:spLocks/>
          </p:cNvSpPr>
          <p:nvPr/>
        </p:nvSpPr>
        <p:spPr>
          <a:xfrm>
            <a:off x="1146562" y="392710"/>
            <a:ext cx="17810976" cy="1819422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 eaLnBrk="1" hangingPunct="1">
              <a:defRPr sz="5821" b="0" i="0">
                <a:solidFill>
                  <a:srgbClr val="878775"/>
                </a:solidFill>
                <a:latin typeface="Georgia"/>
                <a:ea typeface="+mj-ea"/>
                <a:cs typeface="Georgia"/>
              </a:defRPr>
            </a:lvl1pPr>
          </a:lstStyle>
          <a:p>
            <a:pPr marL="0" marR="0" lvl="0" indent="0" algn="ctr" defTabSz="1507846" fontAlgn="auto">
              <a:lnSpc>
                <a:spcPct val="90000"/>
              </a:lnSpc>
              <a:spcBef>
                <a:spcPct val="0"/>
              </a:spcBef>
              <a:spcAft>
                <a:spcPts val="600"/>
              </a:spcAft>
              <a:buClrTx/>
              <a:buSzTx/>
              <a:tabLst/>
              <a:defRPr/>
            </a:pPr>
            <a:r>
              <a:rPr kumimoji="0" lang="en-US" sz="6596" b="1" i="0" u="none" strike="noStrike" cap="none" spc="0" normalizeH="0" baseline="0" noProof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+mj-lt"/>
                <a:cs typeface="+mj-cs"/>
              </a:rPr>
              <a:t>Case Studies &amp; Examples</a:t>
            </a:r>
          </a:p>
        </p:txBody>
      </p:sp>
    </p:spTree>
    <p:extLst>
      <p:ext uri="{BB962C8B-B14F-4D97-AF65-F5344CB8AC3E}">
        <p14:creationId xmlns:p14="http://schemas.microsoft.com/office/powerpoint/2010/main" val="160417966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A trail leading to a mountain&#10;&#10;Description automatically generated">
            <a:extLst>
              <a:ext uri="{FF2B5EF4-FFF2-40B4-BE49-F238E27FC236}">
                <a16:creationId xmlns:a16="http://schemas.microsoft.com/office/drawing/2014/main" id="{DF572705-DC9D-AAD5-900D-13F41FE5870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" y="0"/>
            <a:ext cx="10052049" cy="11302209"/>
          </a:xfrm>
          <a:prstGeom prst="rect">
            <a:avLst/>
          </a:prstGeom>
        </p:spPr>
      </p:pic>
      <p:sp>
        <p:nvSpPr>
          <p:cNvPr id="12" name="Title 1">
            <a:extLst>
              <a:ext uri="{FF2B5EF4-FFF2-40B4-BE49-F238E27FC236}">
                <a16:creationId xmlns:a16="http://schemas.microsoft.com/office/drawing/2014/main" id="{DF370272-0A85-8C85-0946-9E10D9F9428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723088" y="1429154"/>
            <a:ext cx="8406159" cy="1819422"/>
          </a:xfrm>
        </p:spPr>
        <p:txBody>
          <a:bodyPr>
            <a:normAutofit fontScale="90000"/>
          </a:bodyPr>
          <a:lstStyle/>
          <a:p>
            <a:pPr algn="ctr"/>
            <a:r>
              <a:rPr lang="en-US" dirty="0"/>
              <a:t>What success stories or best practices can you share?</a:t>
            </a:r>
          </a:p>
        </p:txBody>
      </p:sp>
      <p:pic>
        <p:nvPicPr>
          <p:cNvPr id="6" name="Picture Placeholder 5" descr="A group of colorful people with arms outstretched&#10;&#10;Description automatically generated">
            <a:extLst>
              <a:ext uri="{FF2B5EF4-FFF2-40B4-BE49-F238E27FC236}">
                <a16:creationId xmlns:a16="http://schemas.microsoft.com/office/drawing/2014/main" id="{77BF10F3-F031-8918-8D7A-4389D10EC131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4"/>
              </a:ext>
            </a:extLst>
          </a:blip>
          <a:srcRect l="19116" r="19115" b="-1"/>
          <a:stretch/>
        </p:blipFill>
        <p:spPr>
          <a:xfrm>
            <a:off x="13304888" y="7528601"/>
            <a:ext cx="3242557" cy="2952857"/>
          </a:xfrm>
          <a:noFill/>
        </p:spPr>
      </p:pic>
      <p:sp>
        <p:nvSpPr>
          <p:cNvPr id="8" name="Title 1">
            <a:extLst>
              <a:ext uri="{FF2B5EF4-FFF2-40B4-BE49-F238E27FC236}">
                <a16:creationId xmlns:a16="http://schemas.microsoft.com/office/drawing/2014/main" id="{555DF786-489D-2C26-9621-CC13353CEEB5}"/>
              </a:ext>
            </a:extLst>
          </p:cNvPr>
          <p:cNvSpPr txBox="1">
            <a:spLocks/>
          </p:cNvSpPr>
          <p:nvPr/>
        </p:nvSpPr>
        <p:spPr>
          <a:xfrm>
            <a:off x="10723088" y="4744964"/>
            <a:ext cx="8406159" cy="1819422"/>
          </a:xfrm>
          <a:prstGeom prst="rect">
            <a:avLst/>
          </a:prstGeom>
        </p:spPr>
        <p:txBody>
          <a:bodyPr vert="horz" lIns="0" tIns="0" rIns="0" bIns="0" rtlCol="0" anchor="ctr">
            <a:normAutofit fontScale="97500"/>
          </a:bodyPr>
          <a:lstStyle>
            <a:lvl1pPr algn="l" defTabSz="1507846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6596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dirty="0"/>
              <a:t>Let us know!</a:t>
            </a:r>
          </a:p>
        </p:txBody>
      </p:sp>
    </p:spTree>
    <p:extLst>
      <p:ext uri="{BB962C8B-B14F-4D97-AF65-F5344CB8AC3E}">
        <p14:creationId xmlns:p14="http://schemas.microsoft.com/office/powerpoint/2010/main" val="16316147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3-07-03T23:59:00.0000000"/>
  <p:tag name="OTLENDDATE" val="2023-07-04T23:59:00.0000000"/>
  <p:tag name="OTLDURATIONFORMAT" val="day"/>
  <p:tag name="OTLSPACING" val="5"/>
  <p:tag name="OTLSHAPETHICKNESSTYPE" val="Thin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3-07-03T23:59:00.0000000"/>
  <p:tag name="OTLENDDATE" val="2023-07-04T23:59:00.0000000"/>
  <p:tag name="OTLDURATIONFORMAT" val="day"/>
  <p:tag name="OTLSPACING" val="5"/>
  <p:tag name="OTLSHAPETHICKNESSTYPE" val="Thin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3-07-03T23:59:00.0000000"/>
  <p:tag name="OTLENDDATE" val="2023-07-04T23:59:00.0000000"/>
  <p:tag name="OTLDURATIONFORMAT" val="day"/>
  <p:tag name="OTLSPACING" val="5"/>
  <p:tag name="OTLSHAPETHICKNESSTYPE" val="Thin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plain cover">
      <a:dk1>
        <a:sysClr val="windowText" lastClr="000000"/>
      </a:dk1>
      <a:lt1>
        <a:sysClr val="window" lastClr="FFFFFF"/>
      </a:lt1>
      <a:dk2>
        <a:srgbClr val="1F2850"/>
      </a:dk2>
      <a:lt2>
        <a:srgbClr val="878775"/>
      </a:lt2>
      <a:accent1>
        <a:srgbClr val="F2F2F2"/>
      </a:accent1>
      <a:accent2>
        <a:srgbClr val="005775"/>
      </a:accent2>
      <a:accent3>
        <a:srgbClr val="E04E39"/>
      </a:accent3>
      <a:accent4>
        <a:srgbClr val="FFFFFF"/>
      </a:accent4>
      <a:accent5>
        <a:srgbClr val="FFFFFF"/>
      </a:accent5>
      <a:accent6>
        <a:srgbClr val="FFFFFF"/>
      </a:accent6>
      <a:hlink>
        <a:srgbClr val="1F497D"/>
      </a:hlink>
      <a:folHlink>
        <a:srgbClr val="7F7F7F"/>
      </a:folHlink>
    </a:clrScheme>
    <a:fontScheme name="Century Gothic">
      <a:majorFont>
        <a:latin typeface="Century Gothic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 panose="020F0302020204030204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2" id="{7B864DC6-34CD-42B1-BFC4-769D7D3B69F4}" vid="{7D566439-116D-4308-B353-81F2A31E3DE1}"/>
    </a:ext>
  </a:extLst>
</a:theme>
</file>

<file path=ppt/theme/theme2.xml><?xml version="1.0" encoding="utf-8"?>
<a:theme xmlns:a="http://schemas.openxmlformats.org/drawingml/2006/main" name="Slide de titre">
  <a:themeElements>
    <a:clrScheme name="Bureau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Bureau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Bureau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Présentation template.pptx" id="{1D3C824E-31F1-48E0-97FA-526217CD110F}" vid="{45554CBC-C471-459C-8114-21ED71411228}"/>
    </a:ext>
  </a:extLst>
</a:theme>
</file>

<file path=ppt/theme/theme3.xml><?xml version="1.0" encoding="utf-8"?>
<a:theme xmlns:a="http://schemas.openxmlformats.org/drawingml/2006/main" name="EHL Business">
  <a:themeElements>
    <a:clrScheme name="Personnalisé 6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1436"/>
      </a:accent1>
      <a:accent2>
        <a:srgbClr val="919388"/>
      </a:accent2>
      <a:accent3>
        <a:srgbClr val="005776"/>
      </a:accent3>
      <a:accent4>
        <a:srgbClr val="99D5C9"/>
      </a:accent4>
      <a:accent5>
        <a:srgbClr val="2D7F62"/>
      </a:accent5>
      <a:accent6>
        <a:srgbClr val="E4E4E1"/>
      </a:accent6>
      <a:hlink>
        <a:srgbClr val="0563C1"/>
      </a:hlink>
      <a:folHlink>
        <a:srgbClr val="5B9BD5"/>
      </a:folHlink>
    </a:clrScheme>
    <a:fontScheme name="EHL">
      <a:majorFont>
        <a:latin typeface="Georgia"/>
        <a:ea typeface=""/>
        <a:cs typeface=""/>
      </a:majorFont>
      <a:minorFont>
        <a:latin typeface="Century Gothi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Template PPT.pptx" id="{681434AF-BB2C-45DF-8F92-9C3F5E479BC9}" vid="{9E6867DB-538C-4589-8071-A38F6300D7BC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028EC75843A7C4392BB9BF5EC11AFED" ma:contentTypeVersion="10" ma:contentTypeDescription="Create a new document." ma:contentTypeScope="" ma:versionID="b0b598f39a0d8b56704af5f9f799d5af">
  <xsd:schema xmlns:xsd="http://www.w3.org/2001/XMLSchema" xmlns:xs="http://www.w3.org/2001/XMLSchema" xmlns:p="http://schemas.microsoft.com/office/2006/metadata/properties" xmlns:ns2="22244d25-db9b-46f1-a8ff-37977ded86f2" xmlns:ns3="efcbaad9-0ee0-4f5d-bfae-eb57aad249e5" targetNamespace="http://schemas.microsoft.com/office/2006/metadata/properties" ma:root="true" ma:fieldsID="95173dfcc1c380ab5a0fdb8cf8c211ee" ns2:_="" ns3:_="">
    <xsd:import namespace="22244d25-db9b-46f1-a8ff-37977ded86f2"/>
    <xsd:import namespace="efcbaad9-0ee0-4f5d-bfae-eb57aad249e5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2244d25-db9b-46f1-a8ff-37977ded86f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fcbaad9-0ee0-4f5d-bfae-eb57aad249e5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8563870-A965-43B4-AFE0-4266E238753E}">
  <ds:schemaRefs>
    <ds:schemaRef ds:uri="http://www.w3.org/XML/1998/namespace"/>
    <ds:schemaRef ds:uri="http://purl.org/dc/elements/1.1/"/>
    <ds:schemaRef ds:uri="22244d25-db9b-46f1-a8ff-37977ded86f2"/>
    <ds:schemaRef ds:uri="http://purl.org/dc/terms/"/>
    <ds:schemaRef ds:uri="http://schemas.microsoft.com/office/2006/metadata/properties"/>
    <ds:schemaRef ds:uri="http://schemas.microsoft.com/office/2006/documentManagement/types"/>
    <ds:schemaRef ds:uri="http://purl.org/dc/dcmitype/"/>
    <ds:schemaRef ds:uri="http://schemas.openxmlformats.org/package/2006/metadata/core-properties"/>
    <ds:schemaRef ds:uri="http://schemas.microsoft.com/office/infopath/2007/PartnerControls"/>
    <ds:schemaRef ds:uri="efcbaad9-0ee0-4f5d-bfae-eb57aad249e5"/>
  </ds:schemaRefs>
</ds:datastoreItem>
</file>

<file path=customXml/itemProps2.xml><?xml version="1.0" encoding="utf-8"?>
<ds:datastoreItem xmlns:ds="http://schemas.openxmlformats.org/officeDocument/2006/customXml" ds:itemID="{5403FC51-1DCC-4E4C-BC1F-5D2E9969D3B3}">
  <ds:schemaRefs>
    <ds:schemaRef ds:uri="22244d25-db9b-46f1-a8ff-37977ded86f2"/>
    <ds:schemaRef ds:uri="efcbaad9-0ee0-4f5d-bfae-eb57aad249e5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CB226FD6-1399-42DF-98DF-6B209E5B69ED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Template PPT</Template>
  <TotalTime>439</TotalTime>
  <Words>1152</Words>
  <Application>Microsoft Office PowerPoint</Application>
  <PresentationFormat>Custom</PresentationFormat>
  <Paragraphs>822</Paragraphs>
  <Slides>13</Slides>
  <Notes>8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13</vt:i4>
      </vt:variant>
    </vt:vector>
  </HeadingPairs>
  <TitlesOfParts>
    <vt:vector size="24" baseType="lpstr">
      <vt:lpstr>arial</vt:lpstr>
      <vt:lpstr>arial</vt:lpstr>
      <vt:lpstr>Calibri</vt:lpstr>
      <vt:lpstr>Century Gothic</vt:lpstr>
      <vt:lpstr>Courier New</vt:lpstr>
      <vt:lpstr>Georgia</vt:lpstr>
      <vt:lpstr>Open Sans</vt:lpstr>
      <vt:lpstr>Wingdings</vt:lpstr>
      <vt:lpstr>Office Theme</vt:lpstr>
      <vt:lpstr>Slide de titre</vt:lpstr>
      <vt:lpstr>EHL Business</vt:lpstr>
      <vt:lpstr>Building an Institutional Culture of Academic Quality Assurance  Approaches from EHL’s Practices and Educational Philosophy</vt:lpstr>
      <vt:lpstr>Welcome!</vt:lpstr>
      <vt:lpstr>PowerPoint Presentation</vt:lpstr>
      <vt:lpstr>EHL ‘s Educational Philosophy</vt:lpstr>
      <vt:lpstr>Building a Quality Culture</vt:lpstr>
      <vt:lpstr>PowerPoint Presentation</vt:lpstr>
      <vt:lpstr>PowerPoint Presentation</vt:lpstr>
      <vt:lpstr>PowerPoint Presentation</vt:lpstr>
      <vt:lpstr>What success stories or best practices can you share?</vt:lpstr>
      <vt:lpstr>PowerPoint Presentation</vt:lpstr>
      <vt:lpstr>PowerPoint Presentation</vt:lpstr>
      <vt:lpstr>PowerPoint Presentation</vt:lpstr>
      <vt:lpstr>PowerPoint Presentation</vt:lpstr>
    </vt:vector>
  </TitlesOfParts>
  <Company>ECOLE HOTELIERE LAUSANN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haping the Future of Hospitality - title</dc:title>
  <dc:creator>JATON Victor</dc:creator>
  <cp:lastModifiedBy>SIDES DURA Mario</cp:lastModifiedBy>
  <cp:revision>2</cp:revision>
  <cp:lastPrinted>2024-01-23T14:45:14Z</cp:lastPrinted>
  <dcterms:created xsi:type="dcterms:W3CDTF">2021-09-21T15:48:03Z</dcterms:created>
  <dcterms:modified xsi:type="dcterms:W3CDTF">2024-12-10T12:47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">
    <vt:filetime>2019-04-18T00:00:00Z</vt:filetime>
  </property>
  <property fmtid="{D5CDD505-2E9C-101B-9397-08002B2CF9AE}" pid="3" name="LastSaved">
    <vt:filetime>2019-05-08T00:00:00Z</vt:filetime>
  </property>
  <property fmtid="{D5CDD505-2E9C-101B-9397-08002B2CF9AE}" pid="4" name="ContentTypeId">
    <vt:lpwstr>0x0101008028EC75843A7C4392BB9BF5EC11AFED</vt:lpwstr>
  </property>
</Properties>
</file>